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730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330\Documents\"/>
    </mc:Choice>
  </mc:AlternateContent>
  <xr:revisionPtr revIDLastSave="0" documentId="13_ncr:1_{67AF52F8-5035-4E7E-9132-A00558299E3E}" xr6:coauthVersionLast="36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Sheet1" sheetId="1" r:id="rId1"/>
    <sheet name="DM_Khoi" sheetId="2" r:id="rId2"/>
    <sheet name="DM_MonHoc" sheetId="3" r:id="rId3"/>
    <sheet name="Huong_Dan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PCOne</author>
  </authors>
  <commentList>
    <comment ref="B1" authorId="0" shapeId="0" xr:uid="{00000000-0006-0000-0000-000001000000}">
      <text>
        <r>
          <rPr>
            <b/>
            <sz val="9"/>
            <color rgb="FF000000"/>
            <rFont val="Tahoma"/>
            <family val="2"/>
          </rPr>
          <t>Nhập tên khối theo Sheet DM_Khoi</t>
        </r>
      </text>
    </comment>
    <comment ref="C1" authorId="0" shapeId="0" xr:uid="{00000000-0006-0000-0000-000002000000}">
      <text>
        <r>
          <rPr>
            <b/>
            <sz val="9"/>
            <color rgb="FF000000"/>
            <rFont val="Tahoma"/>
            <family val="2"/>
          </rPr>
          <t>Nhập tên môn học theo Sheet DM_MonHoc</t>
        </r>
        <r>
          <rPr>
            <sz val="9"/>
            <color rgb="FF000000"/>
            <rFont val="Tahoma"/>
            <family val="2"/>
          </rPr>
          <t xml:space="preserve">
</t>
        </r>
      </text>
    </comment>
    <comment ref="D1" authorId="0" shapeId="0" xr:uid="{00000000-0006-0000-0000-000003000000}">
      <text>
        <r>
          <rPr>
            <sz val="9"/>
            <color rgb="FF000000"/>
            <rFont val="Tahoma"/>
            <family val="2"/>
          </rPr>
          <t xml:space="preserve">Nhập không quá 20 ký tự và không chứa ký tự đặc biệt
</t>
        </r>
      </text>
    </comment>
    <comment ref="E1" authorId="0" shapeId="0" xr:uid="{00000000-0006-0000-0000-000004000000}">
      <text>
        <r>
          <rPr>
            <sz val="9"/>
            <color rgb="FF000000"/>
            <rFont val="Tahoma"/>
            <family val="2"/>
          </rPr>
          <t xml:space="preserve">
Nhập tên bài dạy không quá 200 ký tự và không chứa ký tự đặc biệt</t>
        </r>
      </text>
    </comment>
    <comment ref="F1" authorId="0" shapeId="0" xr:uid="{00000000-0006-0000-0000-000005000000}">
      <text>
        <r>
          <rPr>
            <sz val="9"/>
            <color rgb="FF000000"/>
            <rFont val="Tahoma"/>
            <family val="2"/>
          </rPr>
          <t xml:space="preserve">Nhập thứ tự là số nguyên dương trong khoảng 1 - 999
</t>
        </r>
      </text>
    </comment>
  </commentList>
</comments>
</file>

<file path=xl/sharedStrings.xml><?xml version="1.0" encoding="utf-8"?>
<sst xmlns="http://schemas.openxmlformats.org/spreadsheetml/2006/main" count="278" uniqueCount="135">
  <si>
    <t>STT</t>
  </si>
  <si>
    <t>Tên khối</t>
  </si>
  <si>
    <t>Tên môn học</t>
  </si>
  <si>
    <t>Tiết theo PPCT</t>
  </si>
  <si>
    <t>Tên bài dạy</t>
  </si>
  <si>
    <t>Thứ tự</t>
  </si>
  <si>
    <t>Học kỳ</t>
  </si>
  <si>
    <t>Tên Khối</t>
  </si>
  <si>
    <t>Khối 6</t>
  </si>
  <si>
    <t>Khối 7</t>
  </si>
  <si>
    <t>Khối 8</t>
  </si>
  <si>
    <t>Khối 9</t>
  </si>
  <si>
    <t>Toán</t>
  </si>
  <si>
    <t>Vật lí</t>
  </si>
  <si>
    <t>Hóa học</t>
  </si>
  <si>
    <t>Sinh học</t>
  </si>
  <si>
    <t>Ngữ văn</t>
  </si>
  <si>
    <t>Lịch sử</t>
  </si>
  <si>
    <t>Địa lí</t>
  </si>
  <si>
    <t>Ngoại ngữ 1</t>
  </si>
  <si>
    <t>Ngoại ngữ 2</t>
  </si>
  <si>
    <t>GDCD</t>
  </si>
  <si>
    <t>Công nghệ</t>
  </si>
  <si>
    <t>Thể dục</t>
  </si>
  <si>
    <t>Âm nhạc</t>
  </si>
  <si>
    <t>Mỹ thuật</t>
  </si>
  <si>
    <t>Tin học</t>
  </si>
  <si>
    <t>Khoa học Tự nhiên</t>
  </si>
  <si>
    <t>Khoa học Xã hội</t>
  </si>
  <si>
    <t>Hoạt động giáo dục</t>
  </si>
  <si>
    <t>Tiếng Pháp</t>
  </si>
  <si>
    <t>Toán Pháp</t>
  </si>
  <si>
    <t>Môn tự chọn song ngữ</t>
  </si>
  <si>
    <t>Lịch sử và địa lý</t>
  </si>
  <si>
    <t>Tự chọn 1</t>
  </si>
  <si>
    <t>Nghề PT</t>
  </si>
  <si>
    <t>Giáo dục thể chất</t>
  </si>
  <si>
    <t>Nghệ thuật</t>
  </si>
  <si>
    <t>Hoạt động trải nghiệm, hướng nghiệp</t>
  </si>
  <si>
    <t>Nội dung giáo dục của địa phương</t>
  </si>
  <si>
    <t>Tiếng dân tộc thiểu số</t>
  </si>
  <si>
    <t>Tên cột</t>
  </si>
  <si>
    <t>Hướng dẫn nhập</t>
  </si>
  <si>
    <t>Ghi chú</t>
  </si>
  <si>
    <t>Mã khối</t>
  </si>
  <si>
    <t>Nhập mã khối theo sheeet DM_Khoi</t>
  </si>
  <si>
    <t>Bắt buộc nhập</t>
  </si>
  <si>
    <t>Nhập tên môn học theo sheet DM_MonHoc</t>
  </si>
  <si>
    <t>Nhập không quá 20 ký tự và không chứa ký tự đặc biệt và ký tự có dấu</t>
  </si>
  <si>
    <t>Nhập không quá 200 ký tự và không chứa ký tự đặc biệt</t>
  </si>
  <si>
    <t>Nhập số nguyên dương trong khoảng từ 1 - 999</t>
  </si>
  <si>
    <t>Chú ý</t>
  </si>
  <si>
    <t>Lưu ý định dạng file excel cột tiêt theo PPCT và Tên bài dạy để dạng text như file mẫu</t>
  </si>
  <si>
    <t>1</t>
  </si>
  <si>
    <t>2</t>
  </si>
  <si>
    <t>3</t>
  </si>
  <si>
    <t>4</t>
  </si>
  <si>
    <t>5</t>
  </si>
  <si>
    <t>6</t>
  </si>
  <si>
    <t>7</t>
  </si>
  <si>
    <t>8</t>
  </si>
  <si>
    <t>9</t>
  </si>
  <si>
    <t>10</t>
  </si>
  <si>
    <t>11</t>
  </si>
  <si>
    <t>12</t>
  </si>
  <si>
    <t>13</t>
  </si>
  <si>
    <t>14</t>
  </si>
  <si>
    <t>15</t>
  </si>
  <si>
    <t>16</t>
  </si>
  <si>
    <t>17</t>
  </si>
  <si>
    <t>18</t>
  </si>
  <si>
    <t>19</t>
  </si>
  <si>
    <t>20</t>
  </si>
  <si>
    <t>21</t>
  </si>
  <si>
    <t>22</t>
  </si>
  <si>
    <t>23</t>
  </si>
  <si>
    <t>24</t>
  </si>
  <si>
    <t>25</t>
  </si>
  <si>
    <t>26</t>
  </si>
  <si>
    <t>27</t>
  </si>
  <si>
    <t>28</t>
  </si>
  <si>
    <t>29</t>
  </si>
  <si>
    <t>30</t>
  </si>
  <si>
    <t>31</t>
  </si>
  <si>
    <t>32</t>
  </si>
  <si>
    <t>33</t>
  </si>
  <si>
    <t>34</t>
  </si>
  <si>
    <t>35</t>
  </si>
  <si>
    <t>36</t>
  </si>
  <si>
    <t>37</t>
  </si>
  <si>
    <t>38</t>
  </si>
  <si>
    <t>39</t>
  </si>
  <si>
    <t>40</t>
  </si>
  <si>
    <t>41</t>
  </si>
  <si>
    <t>42</t>
  </si>
  <si>
    <t>43</t>
  </si>
  <si>
    <t>44</t>
  </si>
  <si>
    <t>45</t>
  </si>
  <si>
    <t>46</t>
  </si>
  <si>
    <t>47</t>
  </si>
  <si>
    <t>48</t>
  </si>
  <si>
    <t>49</t>
  </si>
  <si>
    <t>50</t>
  </si>
  <si>
    <t>51</t>
  </si>
  <si>
    <t>52</t>
  </si>
  <si>
    <t>53</t>
  </si>
  <si>
    <t>Bài 1. Quá trình hình thành và phát triển của chế độ phong kiến ở Tây Âu</t>
  </si>
  <si>
    <t xml:space="preserve">Chủ đề: Các cuộc đại phát kiến địa lý </t>
  </si>
  <si>
    <t>Bài 2. Các cuộc phát kiến địa lý</t>
  </si>
  <si>
    <t>Bài 3. Sự hình thành quan hệ sản xuất tư bản chủ nghĩa ở Tây Âu trung đại</t>
  </si>
  <si>
    <t xml:space="preserve">Bài 4.  Phong trào Văn hoá Phục hưng    </t>
  </si>
  <si>
    <t>Bài 5. Phong trào cải cách tôn giáo</t>
  </si>
  <si>
    <t xml:space="preserve">Bài 6. Khái lược tiến trình lịch sử Trung Quốc từ thế kỉ VII đến giữa thế kỉ XIX </t>
  </si>
  <si>
    <t>Kiểm tra giữa học kì I</t>
  </si>
  <si>
    <t>Bài 7. Các thành tựu văn hóa chủ yếu của Trung Quốc từ giữa thế kỉ VII đến giữa thế kỉ XIX</t>
  </si>
  <si>
    <t>Bài 8. Vương triều Gúp ta</t>
  </si>
  <si>
    <t>Bài 9. Vương triều hồi giáo Đê Li</t>
  </si>
  <si>
    <t>Bài 10. Đế quốc Mô-gôn</t>
  </si>
  <si>
    <t>Bài 11. Khái quát về Đông Nam Á từ nửa sau thế kỉ thế kỉ X đến nửa đầu thế kỉ XVI</t>
  </si>
  <si>
    <t>Bài 12. Vương Quốc Campuchia</t>
  </si>
  <si>
    <t>Bài 13. Vương quốc Lào</t>
  </si>
  <si>
    <t>Ôn tập lịch sử Thế giới</t>
  </si>
  <si>
    <t>THI HỌC KÌ I</t>
  </si>
  <si>
    <t>Bài 14. Công cuộc xây dựng và bảo vệ đất nước thời Ngô-Đinh-Tiền Lê (938-1009).</t>
  </si>
  <si>
    <t>Bài 15. Công cuộc xây dựng và bảo vệ đất nước thời Lý (1009 - 1226)</t>
  </si>
  <si>
    <t>Kiểm tra giữa kì II</t>
  </si>
  <si>
    <t>Bài 16. Công cuộc xây dựng đất nước thời Trần (1226- 1400)</t>
  </si>
  <si>
    <t>Bài 17. Ba lần kháng chiến chống quân xâm lược Mông Nguyên</t>
  </si>
  <si>
    <t>Bài 18. Nhà Hồ và cuộc kháng chiến chống quân xâm lược Minh (1400- 1407)</t>
  </si>
  <si>
    <t>Bài 19. Khởi nghĩa Lam Sơn (1418-1427)</t>
  </si>
  <si>
    <t>Bài 20. Đại Việt thời Lê Sơ</t>
  </si>
  <si>
    <t>Bài 21. Vùng đất phía Nam từ đầu thế kỉ X đến đầu thế kỉ XVI</t>
  </si>
  <si>
    <t>Ôn tập</t>
  </si>
  <si>
    <t>THI HỌC KÌ II</t>
  </si>
  <si>
    <r>
      <t xml:space="preserve"> </t>
    </r>
    <r>
      <rPr>
        <sz val="11"/>
        <color theme="1"/>
        <rFont val="Times New Roman"/>
        <family val="1"/>
      </rPr>
      <t>Ôn tập lịch sử Việt Nam (Thế kỉ X-XVI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Calibri"/>
      <family val="2"/>
      <scheme val="minor"/>
    </font>
    <font>
      <b/>
      <sz val="11"/>
      <color indexed="10"/>
      <name val="Times New Roman"/>
      <family val="1"/>
    </font>
    <font>
      <b/>
      <sz val="11"/>
      <color rgb="FFFF0000"/>
      <name val="Times New Roman"/>
      <family val="1"/>
    </font>
    <font>
      <b/>
      <sz val="12"/>
      <color theme="1"/>
      <name val="Times New Roman"/>
      <family val="1"/>
    </font>
    <font>
      <sz val="12"/>
      <color theme="1"/>
      <name val="Times New Roman"/>
      <family val="1"/>
    </font>
    <font>
      <b/>
      <sz val="15"/>
      <color indexed="17"/>
      <name val="Times New Roman"/>
      <family val="1"/>
    </font>
    <font>
      <sz val="13"/>
      <color indexed="8"/>
      <name val="Times New Roman"/>
      <family val="1"/>
    </font>
    <font>
      <sz val="13"/>
      <color theme="1"/>
      <name val="Times New Roman"/>
      <family val="1"/>
    </font>
    <font>
      <sz val="11"/>
      <color theme="1"/>
      <name val="Times New Roman"/>
      <family val="1"/>
    </font>
    <font>
      <b/>
      <sz val="11"/>
      <color theme="1"/>
      <name val="Calibri"/>
      <family val="2"/>
      <scheme val="minor"/>
    </font>
    <font>
      <sz val="12"/>
      <color rgb="FF000000"/>
      <name val="Times New Roman"/>
      <family val="1"/>
    </font>
    <font>
      <b/>
      <sz val="9"/>
      <color rgb="FF000000"/>
      <name val="Tahoma"/>
      <family val="2"/>
    </font>
    <font>
      <sz val="9"/>
      <color rgb="FF000000"/>
      <name val="Tahoma"/>
      <family val="2"/>
    </font>
    <font>
      <b/>
      <sz val="11"/>
      <color theme="1"/>
      <name val="Times New Roman"/>
      <family val="1"/>
    </font>
    <font>
      <sz val="11"/>
      <name val="Times New Roman"/>
      <family val="1"/>
    </font>
  </fonts>
  <fills count="3">
    <fill>
      <patternFill patternType="none"/>
    </fill>
    <fill>
      <patternFill patternType="gray125"/>
    </fill>
    <fill>
      <patternFill patternType="solid">
        <fgColor rgb="FFC6EFCE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25">
    <xf numFmtId="0" fontId="0" fillId="0" borderId="0" xfId="0"/>
    <xf numFmtId="0" fontId="3" fillId="0" borderId="1" xfId="0" applyFont="1" applyBorder="1" applyAlignment="1">
      <alignment horizontal="center" vertical="center"/>
    </xf>
    <xf numFmtId="0" fontId="3" fillId="0" borderId="1" xfId="0" applyFont="1" applyBorder="1"/>
    <xf numFmtId="0" fontId="4" fillId="0" borderId="0" xfId="0" applyFont="1"/>
    <xf numFmtId="0" fontId="6" fillId="0" borderId="1" xfId="0" applyFont="1" applyBorder="1" applyAlignment="1">
      <alignment horizontal="center" vertical="center"/>
    </xf>
    <xf numFmtId="0" fontId="6" fillId="0" borderId="1" xfId="0" applyFont="1" applyBorder="1"/>
    <xf numFmtId="0" fontId="6" fillId="0" borderId="1" xfId="0" applyFont="1" applyBorder="1" applyAlignment="1">
      <alignment wrapText="1"/>
    </xf>
    <xf numFmtId="0" fontId="7" fillId="0" borderId="1" xfId="0" applyFont="1" applyBorder="1" applyAlignment="1">
      <alignment wrapText="1"/>
    </xf>
    <xf numFmtId="0" fontId="7" fillId="0" borderId="1" xfId="0" applyFont="1" applyBorder="1"/>
    <xf numFmtId="0" fontId="8" fillId="0" borderId="0" xfId="0" applyFont="1" applyAlignment="1">
      <alignment wrapText="1"/>
    </xf>
    <xf numFmtId="0" fontId="8" fillId="0" borderId="0" xfId="0" applyFont="1" applyAlignment="1">
      <alignment horizontal="center" wrapText="1"/>
    </xf>
    <xf numFmtId="0" fontId="4" fillId="0" borderId="0" xfId="0" applyFont="1" applyAlignment="1">
      <alignment horizontal="center" vertical="center"/>
    </xf>
    <xf numFmtId="49" fontId="1" fillId="0" borderId="1" xfId="0" applyNumberFormat="1" applyFont="1" applyBorder="1" applyAlignment="1">
      <alignment horizontal="center" vertical="center" wrapText="1"/>
    </xf>
    <xf numFmtId="49" fontId="2" fillId="0" borderId="1" xfId="0" applyNumberFormat="1" applyFont="1" applyBorder="1" applyAlignment="1">
      <alignment horizontal="center" vertical="center" wrapText="1"/>
    </xf>
    <xf numFmtId="49" fontId="8" fillId="0" borderId="0" xfId="0" applyNumberFormat="1" applyFont="1" applyAlignment="1">
      <alignment wrapText="1"/>
    </xf>
    <xf numFmtId="0" fontId="9" fillId="0" borderId="0" xfId="0" applyFont="1"/>
    <xf numFmtId="0" fontId="6" fillId="0" borderId="1" xfId="0" applyFont="1" applyBorder="1" applyAlignment="1">
      <alignment vertical="center"/>
    </xf>
    <xf numFmtId="0" fontId="6" fillId="0" borderId="1" xfId="0" applyFont="1" applyBorder="1" applyAlignment="1">
      <alignment vertical="center" wrapText="1"/>
    </xf>
    <xf numFmtId="0" fontId="4" fillId="0" borderId="1" xfId="0" applyFont="1" applyBorder="1" applyAlignment="1">
      <alignment horizontal="center" vertical="center" wrapText="1"/>
    </xf>
    <xf numFmtId="0" fontId="10" fillId="0" borderId="1" xfId="0" applyFont="1" applyBorder="1" applyAlignment="1">
      <alignment horizontal="left" wrapText="1"/>
    </xf>
    <xf numFmtId="0" fontId="5" fillId="2" borderId="1" xfId="0" applyFont="1" applyFill="1" applyBorder="1" applyAlignment="1">
      <alignment horizontal="center" vertical="center"/>
    </xf>
    <xf numFmtId="0" fontId="5" fillId="2" borderId="1" xfId="0" applyFont="1" applyFill="1" applyBorder="1" applyAlignment="1">
      <alignment horizontal="center" vertical="center" wrapText="1"/>
    </xf>
    <xf numFmtId="0" fontId="8" fillId="0" borderId="0" xfId="0" applyFont="1"/>
    <xf numFmtId="0" fontId="13" fillId="0" borderId="0" xfId="0" applyFont="1"/>
    <xf numFmtId="0" fontId="14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G54"/>
  <sheetViews>
    <sheetView tabSelected="1" topLeftCell="A47" workbookViewId="0">
      <selection activeCell="E54" sqref="E54"/>
    </sheetView>
  </sheetViews>
  <sheetFormatPr defaultColWidth="9.109375" defaultRowHeight="13.8" x14ac:dyDescent="0.25"/>
  <cols>
    <col min="1" max="1" width="8.44140625" style="10" customWidth="1"/>
    <col min="2" max="2" width="15.109375" style="9" customWidth="1"/>
    <col min="3" max="3" width="16.88671875" style="9" customWidth="1"/>
    <col min="4" max="4" width="22.5546875" style="14" customWidth="1"/>
    <col min="5" max="5" width="49.44140625" style="14" customWidth="1"/>
    <col min="6" max="6" width="8.6640625" style="14" hidden="1" customWidth="1"/>
    <col min="7" max="7" width="10.77734375" style="14" hidden="1" customWidth="1"/>
    <col min="8" max="256" width="9.109375" style="9" customWidth="1"/>
    <col min="257" max="257" width="6.109375" style="9" customWidth="1"/>
    <col min="258" max="258" width="12.5546875" style="9" customWidth="1"/>
    <col min="259" max="259" width="14.88671875" style="9" customWidth="1"/>
    <col min="260" max="260" width="17.44140625" style="9" customWidth="1"/>
    <col min="261" max="261" width="49.44140625" style="9" customWidth="1"/>
    <col min="262" max="262" width="27.88671875" style="9" customWidth="1"/>
    <col min="263" max="512" width="9.109375" style="9" customWidth="1"/>
    <col min="513" max="513" width="6.109375" style="9" customWidth="1"/>
    <col min="514" max="514" width="12.5546875" style="9" customWidth="1"/>
    <col min="515" max="515" width="14.88671875" style="9" customWidth="1"/>
    <col min="516" max="516" width="17.44140625" style="9" customWidth="1"/>
    <col min="517" max="517" width="49.44140625" style="9" customWidth="1"/>
    <col min="518" max="518" width="27.88671875" style="9" customWidth="1"/>
    <col min="519" max="768" width="9.109375" style="9" customWidth="1"/>
    <col min="769" max="769" width="6.109375" style="9" customWidth="1"/>
    <col min="770" max="770" width="12.5546875" style="9" customWidth="1"/>
    <col min="771" max="771" width="14.88671875" style="9" customWidth="1"/>
    <col min="772" max="772" width="17.44140625" style="9" customWidth="1"/>
    <col min="773" max="773" width="49.44140625" style="9" customWidth="1"/>
    <col min="774" max="774" width="27.88671875" style="9" customWidth="1"/>
    <col min="775" max="1024" width="9.109375" style="9" customWidth="1"/>
    <col min="1025" max="1025" width="6.109375" style="9" customWidth="1"/>
    <col min="1026" max="1026" width="12.5546875" style="9" customWidth="1"/>
    <col min="1027" max="1027" width="14.88671875" style="9" customWidth="1"/>
    <col min="1028" max="1028" width="17.44140625" style="9" customWidth="1"/>
    <col min="1029" max="1029" width="49.44140625" style="9" customWidth="1"/>
    <col min="1030" max="1030" width="27.88671875" style="9" customWidth="1"/>
    <col min="1031" max="1280" width="9.109375" style="9" customWidth="1"/>
    <col min="1281" max="1281" width="6.109375" style="9" customWidth="1"/>
    <col min="1282" max="1282" width="12.5546875" style="9" customWidth="1"/>
    <col min="1283" max="1283" width="14.88671875" style="9" customWidth="1"/>
    <col min="1284" max="1284" width="17.44140625" style="9" customWidth="1"/>
    <col min="1285" max="1285" width="49.44140625" style="9" customWidth="1"/>
    <col min="1286" max="1286" width="27.88671875" style="9" customWidth="1"/>
    <col min="1287" max="1536" width="9.109375" style="9" customWidth="1"/>
    <col min="1537" max="1537" width="6.109375" style="9" customWidth="1"/>
    <col min="1538" max="1538" width="12.5546875" style="9" customWidth="1"/>
    <col min="1539" max="1539" width="14.88671875" style="9" customWidth="1"/>
    <col min="1540" max="1540" width="17.44140625" style="9" customWidth="1"/>
    <col min="1541" max="1541" width="49.44140625" style="9" customWidth="1"/>
    <col min="1542" max="1542" width="27.88671875" style="9" customWidth="1"/>
    <col min="1543" max="1792" width="9.109375" style="9" customWidth="1"/>
    <col min="1793" max="1793" width="6.109375" style="9" customWidth="1"/>
    <col min="1794" max="1794" width="12.5546875" style="9" customWidth="1"/>
    <col min="1795" max="1795" width="14.88671875" style="9" customWidth="1"/>
    <col min="1796" max="1796" width="17.44140625" style="9" customWidth="1"/>
    <col min="1797" max="1797" width="49.44140625" style="9" customWidth="1"/>
    <col min="1798" max="1798" width="27.88671875" style="9" customWidth="1"/>
    <col min="1799" max="2048" width="9.109375" style="9" customWidth="1"/>
    <col min="2049" max="2049" width="6.109375" style="9" customWidth="1"/>
    <col min="2050" max="2050" width="12.5546875" style="9" customWidth="1"/>
    <col min="2051" max="2051" width="14.88671875" style="9" customWidth="1"/>
    <col min="2052" max="2052" width="17.44140625" style="9" customWidth="1"/>
    <col min="2053" max="2053" width="49.44140625" style="9" customWidth="1"/>
    <col min="2054" max="2054" width="27.88671875" style="9" customWidth="1"/>
    <col min="2055" max="2304" width="9.109375" style="9" customWidth="1"/>
    <col min="2305" max="2305" width="6.109375" style="9" customWidth="1"/>
    <col min="2306" max="2306" width="12.5546875" style="9" customWidth="1"/>
    <col min="2307" max="2307" width="14.88671875" style="9" customWidth="1"/>
    <col min="2308" max="2308" width="17.44140625" style="9" customWidth="1"/>
    <col min="2309" max="2309" width="49.44140625" style="9" customWidth="1"/>
    <col min="2310" max="2310" width="27.88671875" style="9" customWidth="1"/>
    <col min="2311" max="2560" width="9.109375" style="9" customWidth="1"/>
    <col min="2561" max="2561" width="6.109375" style="9" customWidth="1"/>
    <col min="2562" max="2562" width="12.5546875" style="9" customWidth="1"/>
    <col min="2563" max="2563" width="14.88671875" style="9" customWidth="1"/>
    <col min="2564" max="2564" width="17.44140625" style="9" customWidth="1"/>
    <col min="2565" max="2565" width="49.44140625" style="9" customWidth="1"/>
    <col min="2566" max="2566" width="27.88671875" style="9" customWidth="1"/>
    <col min="2567" max="2816" width="9.109375" style="9" customWidth="1"/>
    <col min="2817" max="2817" width="6.109375" style="9" customWidth="1"/>
    <col min="2818" max="2818" width="12.5546875" style="9" customWidth="1"/>
    <col min="2819" max="2819" width="14.88671875" style="9" customWidth="1"/>
    <col min="2820" max="2820" width="17.44140625" style="9" customWidth="1"/>
    <col min="2821" max="2821" width="49.44140625" style="9" customWidth="1"/>
    <col min="2822" max="2822" width="27.88671875" style="9" customWidth="1"/>
    <col min="2823" max="3072" width="9.109375" style="9" customWidth="1"/>
    <col min="3073" max="3073" width="6.109375" style="9" customWidth="1"/>
    <col min="3074" max="3074" width="12.5546875" style="9" customWidth="1"/>
    <col min="3075" max="3075" width="14.88671875" style="9" customWidth="1"/>
    <col min="3076" max="3076" width="17.44140625" style="9" customWidth="1"/>
    <col min="3077" max="3077" width="49.44140625" style="9" customWidth="1"/>
    <col min="3078" max="3078" width="27.88671875" style="9" customWidth="1"/>
    <col min="3079" max="3328" width="9.109375" style="9" customWidth="1"/>
    <col min="3329" max="3329" width="6.109375" style="9" customWidth="1"/>
    <col min="3330" max="3330" width="12.5546875" style="9" customWidth="1"/>
    <col min="3331" max="3331" width="14.88671875" style="9" customWidth="1"/>
    <col min="3332" max="3332" width="17.44140625" style="9" customWidth="1"/>
    <col min="3333" max="3333" width="49.44140625" style="9" customWidth="1"/>
    <col min="3334" max="3334" width="27.88671875" style="9" customWidth="1"/>
    <col min="3335" max="3584" width="9.109375" style="9" customWidth="1"/>
    <col min="3585" max="3585" width="6.109375" style="9" customWidth="1"/>
    <col min="3586" max="3586" width="12.5546875" style="9" customWidth="1"/>
    <col min="3587" max="3587" width="14.88671875" style="9" customWidth="1"/>
    <col min="3588" max="3588" width="17.44140625" style="9" customWidth="1"/>
    <col min="3589" max="3589" width="49.44140625" style="9" customWidth="1"/>
    <col min="3590" max="3590" width="27.88671875" style="9" customWidth="1"/>
    <col min="3591" max="3840" width="9.109375" style="9" customWidth="1"/>
    <col min="3841" max="3841" width="6.109375" style="9" customWidth="1"/>
    <col min="3842" max="3842" width="12.5546875" style="9" customWidth="1"/>
    <col min="3843" max="3843" width="14.88671875" style="9" customWidth="1"/>
    <col min="3844" max="3844" width="17.44140625" style="9" customWidth="1"/>
    <col min="3845" max="3845" width="49.44140625" style="9" customWidth="1"/>
    <col min="3846" max="3846" width="27.88671875" style="9" customWidth="1"/>
    <col min="3847" max="4096" width="9.109375" style="9" customWidth="1"/>
    <col min="4097" max="4097" width="6.109375" style="9" customWidth="1"/>
    <col min="4098" max="4098" width="12.5546875" style="9" customWidth="1"/>
    <col min="4099" max="4099" width="14.88671875" style="9" customWidth="1"/>
    <col min="4100" max="4100" width="17.44140625" style="9" customWidth="1"/>
    <col min="4101" max="4101" width="49.44140625" style="9" customWidth="1"/>
    <col min="4102" max="4102" width="27.88671875" style="9" customWidth="1"/>
    <col min="4103" max="4352" width="9.109375" style="9" customWidth="1"/>
    <col min="4353" max="4353" width="6.109375" style="9" customWidth="1"/>
    <col min="4354" max="4354" width="12.5546875" style="9" customWidth="1"/>
    <col min="4355" max="4355" width="14.88671875" style="9" customWidth="1"/>
    <col min="4356" max="4356" width="17.44140625" style="9" customWidth="1"/>
    <col min="4357" max="4357" width="49.44140625" style="9" customWidth="1"/>
    <col min="4358" max="4358" width="27.88671875" style="9" customWidth="1"/>
    <col min="4359" max="4608" width="9.109375" style="9" customWidth="1"/>
    <col min="4609" max="4609" width="6.109375" style="9" customWidth="1"/>
    <col min="4610" max="4610" width="12.5546875" style="9" customWidth="1"/>
    <col min="4611" max="4611" width="14.88671875" style="9" customWidth="1"/>
    <col min="4612" max="4612" width="17.44140625" style="9" customWidth="1"/>
    <col min="4613" max="4613" width="49.44140625" style="9" customWidth="1"/>
    <col min="4614" max="4614" width="27.88671875" style="9" customWidth="1"/>
    <col min="4615" max="4864" width="9.109375" style="9" customWidth="1"/>
    <col min="4865" max="4865" width="6.109375" style="9" customWidth="1"/>
    <col min="4866" max="4866" width="12.5546875" style="9" customWidth="1"/>
    <col min="4867" max="4867" width="14.88671875" style="9" customWidth="1"/>
    <col min="4868" max="4868" width="17.44140625" style="9" customWidth="1"/>
    <col min="4869" max="4869" width="49.44140625" style="9" customWidth="1"/>
    <col min="4870" max="4870" width="27.88671875" style="9" customWidth="1"/>
    <col min="4871" max="5120" width="9.109375" style="9" customWidth="1"/>
    <col min="5121" max="5121" width="6.109375" style="9" customWidth="1"/>
    <col min="5122" max="5122" width="12.5546875" style="9" customWidth="1"/>
    <col min="5123" max="5123" width="14.88671875" style="9" customWidth="1"/>
    <col min="5124" max="5124" width="17.44140625" style="9" customWidth="1"/>
    <col min="5125" max="5125" width="49.44140625" style="9" customWidth="1"/>
    <col min="5126" max="5126" width="27.88671875" style="9" customWidth="1"/>
    <col min="5127" max="5376" width="9.109375" style="9" customWidth="1"/>
    <col min="5377" max="5377" width="6.109375" style="9" customWidth="1"/>
    <col min="5378" max="5378" width="12.5546875" style="9" customWidth="1"/>
    <col min="5379" max="5379" width="14.88671875" style="9" customWidth="1"/>
    <col min="5380" max="5380" width="17.44140625" style="9" customWidth="1"/>
    <col min="5381" max="5381" width="49.44140625" style="9" customWidth="1"/>
    <col min="5382" max="5382" width="27.88671875" style="9" customWidth="1"/>
    <col min="5383" max="5632" width="9.109375" style="9" customWidth="1"/>
    <col min="5633" max="5633" width="6.109375" style="9" customWidth="1"/>
    <col min="5634" max="5634" width="12.5546875" style="9" customWidth="1"/>
    <col min="5635" max="5635" width="14.88671875" style="9" customWidth="1"/>
    <col min="5636" max="5636" width="17.44140625" style="9" customWidth="1"/>
    <col min="5637" max="5637" width="49.44140625" style="9" customWidth="1"/>
    <col min="5638" max="5638" width="27.88671875" style="9" customWidth="1"/>
    <col min="5639" max="5888" width="9.109375" style="9" customWidth="1"/>
    <col min="5889" max="5889" width="6.109375" style="9" customWidth="1"/>
    <col min="5890" max="5890" width="12.5546875" style="9" customWidth="1"/>
    <col min="5891" max="5891" width="14.88671875" style="9" customWidth="1"/>
    <col min="5892" max="5892" width="17.44140625" style="9" customWidth="1"/>
    <col min="5893" max="5893" width="49.44140625" style="9" customWidth="1"/>
    <col min="5894" max="5894" width="27.88671875" style="9" customWidth="1"/>
    <col min="5895" max="6144" width="9.109375" style="9" customWidth="1"/>
    <col min="6145" max="6145" width="6.109375" style="9" customWidth="1"/>
    <col min="6146" max="6146" width="12.5546875" style="9" customWidth="1"/>
    <col min="6147" max="6147" width="14.88671875" style="9" customWidth="1"/>
    <col min="6148" max="6148" width="17.44140625" style="9" customWidth="1"/>
    <col min="6149" max="6149" width="49.44140625" style="9" customWidth="1"/>
    <col min="6150" max="6150" width="27.88671875" style="9" customWidth="1"/>
    <col min="6151" max="6400" width="9.109375" style="9" customWidth="1"/>
    <col min="6401" max="6401" width="6.109375" style="9" customWidth="1"/>
    <col min="6402" max="6402" width="12.5546875" style="9" customWidth="1"/>
    <col min="6403" max="6403" width="14.88671875" style="9" customWidth="1"/>
    <col min="6404" max="6404" width="17.44140625" style="9" customWidth="1"/>
    <col min="6405" max="6405" width="49.44140625" style="9" customWidth="1"/>
    <col min="6406" max="6406" width="27.88671875" style="9" customWidth="1"/>
    <col min="6407" max="6656" width="9.109375" style="9" customWidth="1"/>
    <col min="6657" max="6657" width="6.109375" style="9" customWidth="1"/>
    <col min="6658" max="6658" width="12.5546875" style="9" customWidth="1"/>
    <col min="6659" max="6659" width="14.88671875" style="9" customWidth="1"/>
    <col min="6660" max="6660" width="17.44140625" style="9" customWidth="1"/>
    <col min="6661" max="6661" width="49.44140625" style="9" customWidth="1"/>
    <col min="6662" max="6662" width="27.88671875" style="9" customWidth="1"/>
    <col min="6663" max="6912" width="9.109375" style="9" customWidth="1"/>
    <col min="6913" max="6913" width="6.109375" style="9" customWidth="1"/>
    <col min="6914" max="6914" width="12.5546875" style="9" customWidth="1"/>
    <col min="6915" max="6915" width="14.88671875" style="9" customWidth="1"/>
    <col min="6916" max="6916" width="17.44140625" style="9" customWidth="1"/>
    <col min="6917" max="6917" width="49.44140625" style="9" customWidth="1"/>
    <col min="6918" max="6918" width="27.88671875" style="9" customWidth="1"/>
    <col min="6919" max="7168" width="9.109375" style="9" customWidth="1"/>
    <col min="7169" max="7169" width="6.109375" style="9" customWidth="1"/>
    <col min="7170" max="7170" width="12.5546875" style="9" customWidth="1"/>
    <col min="7171" max="7171" width="14.88671875" style="9" customWidth="1"/>
    <col min="7172" max="7172" width="17.44140625" style="9" customWidth="1"/>
    <col min="7173" max="7173" width="49.44140625" style="9" customWidth="1"/>
    <col min="7174" max="7174" width="27.88671875" style="9" customWidth="1"/>
    <col min="7175" max="7424" width="9.109375" style="9" customWidth="1"/>
    <col min="7425" max="7425" width="6.109375" style="9" customWidth="1"/>
    <col min="7426" max="7426" width="12.5546875" style="9" customWidth="1"/>
    <col min="7427" max="7427" width="14.88671875" style="9" customWidth="1"/>
    <col min="7428" max="7428" width="17.44140625" style="9" customWidth="1"/>
    <col min="7429" max="7429" width="49.44140625" style="9" customWidth="1"/>
    <col min="7430" max="7430" width="27.88671875" style="9" customWidth="1"/>
    <col min="7431" max="7680" width="9.109375" style="9" customWidth="1"/>
    <col min="7681" max="7681" width="6.109375" style="9" customWidth="1"/>
    <col min="7682" max="7682" width="12.5546875" style="9" customWidth="1"/>
    <col min="7683" max="7683" width="14.88671875" style="9" customWidth="1"/>
    <col min="7684" max="7684" width="17.44140625" style="9" customWidth="1"/>
    <col min="7685" max="7685" width="49.44140625" style="9" customWidth="1"/>
    <col min="7686" max="7686" width="27.88671875" style="9" customWidth="1"/>
    <col min="7687" max="7936" width="9.109375" style="9" customWidth="1"/>
    <col min="7937" max="7937" width="6.109375" style="9" customWidth="1"/>
    <col min="7938" max="7938" width="12.5546875" style="9" customWidth="1"/>
    <col min="7939" max="7939" width="14.88671875" style="9" customWidth="1"/>
    <col min="7940" max="7940" width="17.44140625" style="9" customWidth="1"/>
    <col min="7941" max="7941" width="49.44140625" style="9" customWidth="1"/>
    <col min="7942" max="7942" width="27.88671875" style="9" customWidth="1"/>
    <col min="7943" max="8192" width="9.109375" style="9" customWidth="1"/>
    <col min="8193" max="8193" width="6.109375" style="9" customWidth="1"/>
    <col min="8194" max="8194" width="12.5546875" style="9" customWidth="1"/>
    <col min="8195" max="8195" width="14.88671875" style="9" customWidth="1"/>
    <col min="8196" max="8196" width="17.44140625" style="9" customWidth="1"/>
    <col min="8197" max="8197" width="49.44140625" style="9" customWidth="1"/>
    <col min="8198" max="8198" width="27.88671875" style="9" customWidth="1"/>
    <col min="8199" max="8448" width="9.109375" style="9" customWidth="1"/>
    <col min="8449" max="8449" width="6.109375" style="9" customWidth="1"/>
    <col min="8450" max="8450" width="12.5546875" style="9" customWidth="1"/>
    <col min="8451" max="8451" width="14.88671875" style="9" customWidth="1"/>
    <col min="8452" max="8452" width="17.44140625" style="9" customWidth="1"/>
    <col min="8453" max="8453" width="49.44140625" style="9" customWidth="1"/>
    <col min="8454" max="8454" width="27.88671875" style="9" customWidth="1"/>
    <col min="8455" max="8704" width="9.109375" style="9" customWidth="1"/>
    <col min="8705" max="8705" width="6.109375" style="9" customWidth="1"/>
    <col min="8706" max="8706" width="12.5546875" style="9" customWidth="1"/>
    <col min="8707" max="8707" width="14.88671875" style="9" customWidth="1"/>
    <col min="8708" max="8708" width="17.44140625" style="9" customWidth="1"/>
    <col min="8709" max="8709" width="49.44140625" style="9" customWidth="1"/>
    <col min="8710" max="8710" width="27.88671875" style="9" customWidth="1"/>
    <col min="8711" max="8960" width="9.109375" style="9" customWidth="1"/>
    <col min="8961" max="8961" width="6.109375" style="9" customWidth="1"/>
    <col min="8962" max="8962" width="12.5546875" style="9" customWidth="1"/>
    <col min="8963" max="8963" width="14.88671875" style="9" customWidth="1"/>
    <col min="8964" max="8964" width="17.44140625" style="9" customWidth="1"/>
    <col min="8965" max="8965" width="49.44140625" style="9" customWidth="1"/>
    <col min="8966" max="8966" width="27.88671875" style="9" customWidth="1"/>
    <col min="8967" max="9216" width="9.109375" style="9" customWidth="1"/>
    <col min="9217" max="9217" width="6.109375" style="9" customWidth="1"/>
    <col min="9218" max="9218" width="12.5546875" style="9" customWidth="1"/>
    <col min="9219" max="9219" width="14.88671875" style="9" customWidth="1"/>
    <col min="9220" max="9220" width="17.44140625" style="9" customWidth="1"/>
    <col min="9221" max="9221" width="49.44140625" style="9" customWidth="1"/>
    <col min="9222" max="9222" width="27.88671875" style="9" customWidth="1"/>
    <col min="9223" max="9472" width="9.109375" style="9" customWidth="1"/>
    <col min="9473" max="9473" width="6.109375" style="9" customWidth="1"/>
    <col min="9474" max="9474" width="12.5546875" style="9" customWidth="1"/>
    <col min="9475" max="9475" width="14.88671875" style="9" customWidth="1"/>
    <col min="9476" max="9476" width="17.44140625" style="9" customWidth="1"/>
    <col min="9477" max="9477" width="49.44140625" style="9" customWidth="1"/>
    <col min="9478" max="9478" width="27.88671875" style="9" customWidth="1"/>
    <col min="9479" max="9728" width="9.109375" style="9" customWidth="1"/>
    <col min="9729" max="9729" width="6.109375" style="9" customWidth="1"/>
    <col min="9730" max="9730" width="12.5546875" style="9" customWidth="1"/>
    <col min="9731" max="9731" width="14.88671875" style="9" customWidth="1"/>
    <col min="9732" max="9732" width="17.44140625" style="9" customWidth="1"/>
    <col min="9733" max="9733" width="49.44140625" style="9" customWidth="1"/>
    <col min="9734" max="9734" width="27.88671875" style="9" customWidth="1"/>
    <col min="9735" max="9984" width="9.109375" style="9" customWidth="1"/>
    <col min="9985" max="9985" width="6.109375" style="9" customWidth="1"/>
    <col min="9986" max="9986" width="12.5546875" style="9" customWidth="1"/>
    <col min="9987" max="9987" width="14.88671875" style="9" customWidth="1"/>
    <col min="9988" max="9988" width="17.44140625" style="9" customWidth="1"/>
    <col min="9989" max="9989" width="49.44140625" style="9" customWidth="1"/>
    <col min="9990" max="9990" width="27.88671875" style="9" customWidth="1"/>
    <col min="9991" max="10240" width="9.109375" style="9" customWidth="1"/>
    <col min="10241" max="10241" width="6.109375" style="9" customWidth="1"/>
    <col min="10242" max="10242" width="12.5546875" style="9" customWidth="1"/>
    <col min="10243" max="10243" width="14.88671875" style="9" customWidth="1"/>
    <col min="10244" max="10244" width="17.44140625" style="9" customWidth="1"/>
    <col min="10245" max="10245" width="49.44140625" style="9" customWidth="1"/>
    <col min="10246" max="10246" width="27.88671875" style="9" customWidth="1"/>
    <col min="10247" max="10496" width="9.109375" style="9" customWidth="1"/>
    <col min="10497" max="10497" width="6.109375" style="9" customWidth="1"/>
    <col min="10498" max="10498" width="12.5546875" style="9" customWidth="1"/>
    <col min="10499" max="10499" width="14.88671875" style="9" customWidth="1"/>
    <col min="10500" max="10500" width="17.44140625" style="9" customWidth="1"/>
    <col min="10501" max="10501" width="49.44140625" style="9" customWidth="1"/>
    <col min="10502" max="10502" width="27.88671875" style="9" customWidth="1"/>
    <col min="10503" max="10752" width="9.109375" style="9" customWidth="1"/>
    <col min="10753" max="10753" width="6.109375" style="9" customWidth="1"/>
    <col min="10754" max="10754" width="12.5546875" style="9" customWidth="1"/>
    <col min="10755" max="10755" width="14.88671875" style="9" customWidth="1"/>
    <col min="10756" max="10756" width="17.44140625" style="9" customWidth="1"/>
    <col min="10757" max="10757" width="49.44140625" style="9" customWidth="1"/>
    <col min="10758" max="10758" width="27.88671875" style="9" customWidth="1"/>
    <col min="10759" max="11008" width="9.109375" style="9" customWidth="1"/>
    <col min="11009" max="11009" width="6.109375" style="9" customWidth="1"/>
    <col min="11010" max="11010" width="12.5546875" style="9" customWidth="1"/>
    <col min="11011" max="11011" width="14.88671875" style="9" customWidth="1"/>
    <col min="11012" max="11012" width="17.44140625" style="9" customWidth="1"/>
    <col min="11013" max="11013" width="49.44140625" style="9" customWidth="1"/>
    <col min="11014" max="11014" width="27.88671875" style="9" customWidth="1"/>
    <col min="11015" max="11264" width="9.109375" style="9" customWidth="1"/>
    <col min="11265" max="11265" width="6.109375" style="9" customWidth="1"/>
    <col min="11266" max="11266" width="12.5546875" style="9" customWidth="1"/>
    <col min="11267" max="11267" width="14.88671875" style="9" customWidth="1"/>
    <col min="11268" max="11268" width="17.44140625" style="9" customWidth="1"/>
    <col min="11269" max="11269" width="49.44140625" style="9" customWidth="1"/>
    <col min="11270" max="11270" width="27.88671875" style="9" customWidth="1"/>
    <col min="11271" max="11520" width="9.109375" style="9" customWidth="1"/>
    <col min="11521" max="11521" width="6.109375" style="9" customWidth="1"/>
    <col min="11522" max="11522" width="12.5546875" style="9" customWidth="1"/>
    <col min="11523" max="11523" width="14.88671875" style="9" customWidth="1"/>
    <col min="11524" max="11524" width="17.44140625" style="9" customWidth="1"/>
    <col min="11525" max="11525" width="49.44140625" style="9" customWidth="1"/>
    <col min="11526" max="11526" width="27.88671875" style="9" customWidth="1"/>
    <col min="11527" max="11776" width="9.109375" style="9" customWidth="1"/>
    <col min="11777" max="11777" width="6.109375" style="9" customWidth="1"/>
    <col min="11778" max="11778" width="12.5546875" style="9" customWidth="1"/>
    <col min="11779" max="11779" width="14.88671875" style="9" customWidth="1"/>
    <col min="11780" max="11780" width="17.44140625" style="9" customWidth="1"/>
    <col min="11781" max="11781" width="49.44140625" style="9" customWidth="1"/>
    <col min="11782" max="11782" width="27.88671875" style="9" customWidth="1"/>
    <col min="11783" max="12032" width="9.109375" style="9" customWidth="1"/>
    <col min="12033" max="12033" width="6.109375" style="9" customWidth="1"/>
    <col min="12034" max="12034" width="12.5546875" style="9" customWidth="1"/>
    <col min="12035" max="12035" width="14.88671875" style="9" customWidth="1"/>
    <col min="12036" max="12036" width="17.44140625" style="9" customWidth="1"/>
    <col min="12037" max="12037" width="49.44140625" style="9" customWidth="1"/>
    <col min="12038" max="12038" width="27.88671875" style="9" customWidth="1"/>
    <col min="12039" max="12288" width="9.109375" style="9" customWidth="1"/>
    <col min="12289" max="12289" width="6.109375" style="9" customWidth="1"/>
    <col min="12290" max="12290" width="12.5546875" style="9" customWidth="1"/>
    <col min="12291" max="12291" width="14.88671875" style="9" customWidth="1"/>
    <col min="12292" max="12292" width="17.44140625" style="9" customWidth="1"/>
    <col min="12293" max="12293" width="49.44140625" style="9" customWidth="1"/>
    <col min="12294" max="12294" width="27.88671875" style="9" customWidth="1"/>
    <col min="12295" max="12544" width="9.109375" style="9" customWidth="1"/>
    <col min="12545" max="12545" width="6.109375" style="9" customWidth="1"/>
    <col min="12546" max="12546" width="12.5546875" style="9" customWidth="1"/>
    <col min="12547" max="12547" width="14.88671875" style="9" customWidth="1"/>
    <col min="12548" max="12548" width="17.44140625" style="9" customWidth="1"/>
    <col min="12549" max="12549" width="49.44140625" style="9" customWidth="1"/>
    <col min="12550" max="12550" width="27.88671875" style="9" customWidth="1"/>
    <col min="12551" max="12800" width="9.109375" style="9" customWidth="1"/>
    <col min="12801" max="12801" width="6.109375" style="9" customWidth="1"/>
    <col min="12802" max="12802" width="12.5546875" style="9" customWidth="1"/>
    <col min="12803" max="12803" width="14.88671875" style="9" customWidth="1"/>
    <col min="12804" max="12804" width="17.44140625" style="9" customWidth="1"/>
    <col min="12805" max="12805" width="49.44140625" style="9" customWidth="1"/>
    <col min="12806" max="12806" width="27.88671875" style="9" customWidth="1"/>
    <col min="12807" max="13056" width="9.109375" style="9" customWidth="1"/>
    <col min="13057" max="13057" width="6.109375" style="9" customWidth="1"/>
    <col min="13058" max="13058" width="12.5546875" style="9" customWidth="1"/>
    <col min="13059" max="13059" width="14.88671875" style="9" customWidth="1"/>
    <col min="13060" max="13060" width="17.44140625" style="9" customWidth="1"/>
    <col min="13061" max="13061" width="49.44140625" style="9" customWidth="1"/>
    <col min="13062" max="13062" width="27.88671875" style="9" customWidth="1"/>
    <col min="13063" max="13312" width="9.109375" style="9" customWidth="1"/>
    <col min="13313" max="13313" width="6.109375" style="9" customWidth="1"/>
    <col min="13314" max="13314" width="12.5546875" style="9" customWidth="1"/>
    <col min="13315" max="13315" width="14.88671875" style="9" customWidth="1"/>
    <col min="13316" max="13316" width="17.44140625" style="9" customWidth="1"/>
    <col min="13317" max="13317" width="49.44140625" style="9" customWidth="1"/>
    <col min="13318" max="13318" width="27.88671875" style="9" customWidth="1"/>
    <col min="13319" max="13568" width="9.109375" style="9" customWidth="1"/>
    <col min="13569" max="13569" width="6.109375" style="9" customWidth="1"/>
    <col min="13570" max="13570" width="12.5546875" style="9" customWidth="1"/>
    <col min="13571" max="13571" width="14.88671875" style="9" customWidth="1"/>
    <col min="13572" max="13572" width="17.44140625" style="9" customWidth="1"/>
    <col min="13573" max="13573" width="49.44140625" style="9" customWidth="1"/>
    <col min="13574" max="13574" width="27.88671875" style="9" customWidth="1"/>
    <col min="13575" max="13824" width="9.109375" style="9" customWidth="1"/>
    <col min="13825" max="13825" width="6.109375" style="9" customWidth="1"/>
    <col min="13826" max="13826" width="12.5546875" style="9" customWidth="1"/>
    <col min="13827" max="13827" width="14.88671875" style="9" customWidth="1"/>
    <col min="13828" max="13828" width="17.44140625" style="9" customWidth="1"/>
    <col min="13829" max="13829" width="49.44140625" style="9" customWidth="1"/>
    <col min="13830" max="13830" width="27.88671875" style="9" customWidth="1"/>
    <col min="13831" max="14080" width="9.109375" style="9" customWidth="1"/>
    <col min="14081" max="14081" width="6.109375" style="9" customWidth="1"/>
    <col min="14082" max="14082" width="12.5546875" style="9" customWidth="1"/>
    <col min="14083" max="14083" width="14.88671875" style="9" customWidth="1"/>
    <col min="14084" max="14084" width="17.44140625" style="9" customWidth="1"/>
    <col min="14085" max="14085" width="49.44140625" style="9" customWidth="1"/>
    <col min="14086" max="14086" width="27.88671875" style="9" customWidth="1"/>
    <col min="14087" max="14336" width="9.109375" style="9" customWidth="1"/>
    <col min="14337" max="14337" width="6.109375" style="9" customWidth="1"/>
    <col min="14338" max="14338" width="12.5546875" style="9" customWidth="1"/>
    <col min="14339" max="14339" width="14.88671875" style="9" customWidth="1"/>
    <col min="14340" max="14340" width="17.44140625" style="9" customWidth="1"/>
    <col min="14341" max="14341" width="49.44140625" style="9" customWidth="1"/>
    <col min="14342" max="14342" width="27.88671875" style="9" customWidth="1"/>
    <col min="14343" max="14592" width="9.109375" style="9" customWidth="1"/>
    <col min="14593" max="14593" width="6.109375" style="9" customWidth="1"/>
    <col min="14594" max="14594" width="12.5546875" style="9" customWidth="1"/>
    <col min="14595" max="14595" width="14.88671875" style="9" customWidth="1"/>
    <col min="14596" max="14596" width="17.44140625" style="9" customWidth="1"/>
    <col min="14597" max="14597" width="49.44140625" style="9" customWidth="1"/>
    <col min="14598" max="14598" width="27.88671875" style="9" customWidth="1"/>
    <col min="14599" max="14848" width="9.109375" style="9" customWidth="1"/>
    <col min="14849" max="14849" width="6.109375" style="9" customWidth="1"/>
    <col min="14850" max="14850" width="12.5546875" style="9" customWidth="1"/>
    <col min="14851" max="14851" width="14.88671875" style="9" customWidth="1"/>
    <col min="14852" max="14852" width="17.44140625" style="9" customWidth="1"/>
    <col min="14853" max="14853" width="49.44140625" style="9" customWidth="1"/>
    <col min="14854" max="14854" width="27.88671875" style="9" customWidth="1"/>
    <col min="14855" max="15104" width="9.109375" style="9" customWidth="1"/>
    <col min="15105" max="15105" width="6.109375" style="9" customWidth="1"/>
    <col min="15106" max="15106" width="12.5546875" style="9" customWidth="1"/>
    <col min="15107" max="15107" width="14.88671875" style="9" customWidth="1"/>
    <col min="15108" max="15108" width="17.44140625" style="9" customWidth="1"/>
    <col min="15109" max="15109" width="49.44140625" style="9" customWidth="1"/>
    <col min="15110" max="15110" width="27.88671875" style="9" customWidth="1"/>
    <col min="15111" max="15360" width="9.109375" style="9" customWidth="1"/>
    <col min="15361" max="15361" width="6.109375" style="9" customWidth="1"/>
    <col min="15362" max="15362" width="12.5546875" style="9" customWidth="1"/>
    <col min="15363" max="15363" width="14.88671875" style="9" customWidth="1"/>
    <col min="15364" max="15364" width="17.44140625" style="9" customWidth="1"/>
    <col min="15365" max="15365" width="49.44140625" style="9" customWidth="1"/>
    <col min="15366" max="15366" width="27.88671875" style="9" customWidth="1"/>
    <col min="15367" max="15616" width="9.109375" style="9" customWidth="1"/>
    <col min="15617" max="15617" width="6.109375" style="9" customWidth="1"/>
    <col min="15618" max="15618" width="12.5546875" style="9" customWidth="1"/>
    <col min="15619" max="15619" width="14.88671875" style="9" customWidth="1"/>
    <col min="15620" max="15620" width="17.44140625" style="9" customWidth="1"/>
    <col min="15621" max="15621" width="49.44140625" style="9" customWidth="1"/>
    <col min="15622" max="15622" width="27.88671875" style="9" customWidth="1"/>
    <col min="15623" max="15872" width="9.109375" style="9" customWidth="1"/>
    <col min="15873" max="15873" width="6.109375" style="9" customWidth="1"/>
    <col min="15874" max="15874" width="12.5546875" style="9" customWidth="1"/>
    <col min="15875" max="15875" width="14.88671875" style="9" customWidth="1"/>
    <col min="15876" max="15876" width="17.44140625" style="9" customWidth="1"/>
    <col min="15877" max="15877" width="49.44140625" style="9" customWidth="1"/>
    <col min="15878" max="15878" width="27.88671875" style="9" customWidth="1"/>
    <col min="15879" max="16128" width="9.109375" style="9" customWidth="1"/>
    <col min="16129" max="16129" width="6.109375" style="9" customWidth="1"/>
    <col min="16130" max="16130" width="12.5546875" style="9" customWidth="1"/>
    <col min="16131" max="16131" width="14.88671875" style="9" customWidth="1"/>
    <col min="16132" max="16132" width="17.44140625" style="9" customWidth="1"/>
    <col min="16133" max="16133" width="49.44140625" style="9" customWidth="1"/>
    <col min="16134" max="16134" width="27.88671875" style="9" customWidth="1"/>
    <col min="16135" max="16384" width="9.109375" style="9" customWidth="1"/>
  </cols>
  <sheetData>
    <row r="1" spans="1:7" customFormat="1" ht="30.75" customHeight="1" x14ac:dyDescent="0.3">
      <c r="A1" s="12" t="s">
        <v>0</v>
      </c>
      <c r="B1" s="12" t="s">
        <v>1</v>
      </c>
      <c r="C1" s="12" t="s">
        <v>2</v>
      </c>
      <c r="D1" s="13" t="s">
        <v>3</v>
      </c>
      <c r="E1" s="13" t="s">
        <v>4</v>
      </c>
      <c r="F1" s="13" t="s">
        <v>5</v>
      </c>
      <c r="G1" s="13" t="s">
        <v>6</v>
      </c>
    </row>
    <row r="2" spans="1:7" x14ac:dyDescent="0.25">
      <c r="A2" s="10">
        <v>1</v>
      </c>
      <c r="B2" s="9" t="s">
        <v>9</v>
      </c>
      <c r="C2" s="9" t="s">
        <v>17</v>
      </c>
      <c r="D2" s="14" t="s">
        <v>53</v>
      </c>
      <c r="E2" s="22" t="s">
        <v>106</v>
      </c>
    </row>
    <row r="3" spans="1:7" x14ac:dyDescent="0.25">
      <c r="A3" s="10">
        <v>2</v>
      </c>
      <c r="B3" s="9" t="s">
        <v>9</v>
      </c>
      <c r="C3" s="9" t="s">
        <v>17</v>
      </c>
      <c r="D3" s="14" t="s">
        <v>54</v>
      </c>
      <c r="E3" s="22" t="s">
        <v>106</v>
      </c>
    </row>
    <row r="4" spans="1:7" x14ac:dyDescent="0.25">
      <c r="A4" s="10">
        <v>3</v>
      </c>
      <c r="B4" s="9" t="s">
        <v>9</v>
      </c>
      <c r="C4" s="9" t="s">
        <v>17</v>
      </c>
      <c r="D4" s="14" t="s">
        <v>55</v>
      </c>
      <c r="E4" s="22" t="s">
        <v>106</v>
      </c>
    </row>
    <row r="5" spans="1:7" x14ac:dyDescent="0.25">
      <c r="A5" s="10">
        <v>4</v>
      </c>
      <c r="B5" s="9" t="s">
        <v>9</v>
      </c>
      <c r="C5" s="9" t="s">
        <v>17</v>
      </c>
      <c r="D5" s="14" t="s">
        <v>56</v>
      </c>
      <c r="E5" s="22" t="s">
        <v>107</v>
      </c>
    </row>
    <row r="6" spans="1:7" x14ac:dyDescent="0.25">
      <c r="A6" s="10">
        <v>5</v>
      </c>
      <c r="B6" s="9" t="s">
        <v>9</v>
      </c>
      <c r="C6" s="9" t="s">
        <v>17</v>
      </c>
      <c r="D6" s="14" t="s">
        <v>57</v>
      </c>
      <c r="E6" s="22" t="s">
        <v>107</v>
      </c>
    </row>
    <row r="7" spans="1:7" x14ac:dyDescent="0.25">
      <c r="A7" s="10">
        <v>6</v>
      </c>
      <c r="B7" s="9" t="s">
        <v>9</v>
      </c>
      <c r="C7" s="9" t="s">
        <v>17</v>
      </c>
      <c r="D7" s="14" t="s">
        <v>58</v>
      </c>
      <c r="E7" s="22" t="s">
        <v>107</v>
      </c>
    </row>
    <row r="8" spans="1:7" x14ac:dyDescent="0.25">
      <c r="A8" s="10">
        <v>7</v>
      </c>
      <c r="B8" s="9" t="s">
        <v>9</v>
      </c>
      <c r="C8" s="9" t="s">
        <v>17</v>
      </c>
      <c r="D8" s="14" t="s">
        <v>59</v>
      </c>
      <c r="E8" s="22" t="s">
        <v>108</v>
      </c>
    </row>
    <row r="9" spans="1:7" x14ac:dyDescent="0.25">
      <c r="A9" s="10">
        <v>8</v>
      </c>
      <c r="B9" s="9" t="s">
        <v>9</v>
      </c>
      <c r="C9" s="9" t="s">
        <v>17</v>
      </c>
      <c r="D9" s="14" t="s">
        <v>60</v>
      </c>
      <c r="E9" s="22" t="s">
        <v>109</v>
      </c>
    </row>
    <row r="10" spans="1:7" x14ac:dyDescent="0.25">
      <c r="A10" s="10">
        <v>9</v>
      </c>
      <c r="B10" s="9" t="s">
        <v>9</v>
      </c>
      <c r="C10" s="9" t="s">
        <v>17</v>
      </c>
      <c r="D10" s="14" t="s">
        <v>61</v>
      </c>
      <c r="E10" s="22" t="s">
        <v>110</v>
      </c>
    </row>
    <row r="11" spans="1:7" x14ac:dyDescent="0.25">
      <c r="A11" s="10">
        <v>10</v>
      </c>
      <c r="B11" s="9" t="s">
        <v>9</v>
      </c>
      <c r="C11" s="9" t="s">
        <v>17</v>
      </c>
      <c r="D11" s="14" t="s">
        <v>62</v>
      </c>
      <c r="E11" s="22" t="s">
        <v>110</v>
      </c>
    </row>
    <row r="12" spans="1:7" x14ac:dyDescent="0.25">
      <c r="A12" s="10">
        <v>11</v>
      </c>
      <c r="B12" s="9" t="s">
        <v>9</v>
      </c>
      <c r="C12" s="9" t="s">
        <v>17</v>
      </c>
      <c r="D12" s="14" t="s">
        <v>63</v>
      </c>
      <c r="E12" s="22" t="s">
        <v>111</v>
      </c>
    </row>
    <row r="13" spans="1:7" x14ac:dyDescent="0.25">
      <c r="A13" s="10">
        <v>12</v>
      </c>
      <c r="B13" s="9" t="s">
        <v>9</v>
      </c>
      <c r="C13" s="9" t="s">
        <v>17</v>
      </c>
      <c r="D13" s="14" t="s">
        <v>64</v>
      </c>
      <c r="E13" s="22" t="s">
        <v>111</v>
      </c>
    </row>
    <row r="14" spans="1:7" x14ac:dyDescent="0.25">
      <c r="A14" s="10">
        <v>13</v>
      </c>
      <c r="B14" s="9" t="s">
        <v>9</v>
      </c>
      <c r="C14" s="9" t="s">
        <v>17</v>
      </c>
      <c r="D14" s="14" t="s">
        <v>65</v>
      </c>
      <c r="E14" s="22" t="s">
        <v>112</v>
      </c>
    </row>
    <row r="15" spans="1:7" x14ac:dyDescent="0.25">
      <c r="A15" s="10">
        <v>14</v>
      </c>
      <c r="B15" s="9" t="s">
        <v>9</v>
      </c>
      <c r="C15" s="9" t="s">
        <v>17</v>
      </c>
      <c r="D15" s="14" t="s">
        <v>66</v>
      </c>
      <c r="E15" s="22" t="s">
        <v>112</v>
      </c>
    </row>
    <row r="16" spans="1:7" x14ac:dyDescent="0.25">
      <c r="A16" s="10">
        <v>15</v>
      </c>
      <c r="B16" s="9" t="s">
        <v>9</v>
      </c>
      <c r="C16" s="9" t="s">
        <v>17</v>
      </c>
      <c r="D16" s="14" t="s">
        <v>67</v>
      </c>
      <c r="E16" s="22" t="s">
        <v>113</v>
      </c>
    </row>
    <row r="17" spans="1:5" x14ac:dyDescent="0.25">
      <c r="A17" s="10">
        <v>16</v>
      </c>
      <c r="B17" s="9" t="s">
        <v>9</v>
      </c>
      <c r="C17" s="9" t="s">
        <v>17</v>
      </c>
      <c r="D17" s="14" t="s">
        <v>68</v>
      </c>
      <c r="E17" s="22" t="s">
        <v>114</v>
      </c>
    </row>
    <row r="18" spans="1:5" x14ac:dyDescent="0.25">
      <c r="A18" s="10">
        <v>17</v>
      </c>
      <c r="B18" s="9" t="s">
        <v>9</v>
      </c>
      <c r="C18" s="9" t="s">
        <v>17</v>
      </c>
      <c r="D18" s="14" t="s">
        <v>69</v>
      </c>
      <c r="E18" s="22" t="s">
        <v>114</v>
      </c>
    </row>
    <row r="19" spans="1:5" x14ac:dyDescent="0.25">
      <c r="A19" s="10">
        <v>18</v>
      </c>
      <c r="B19" s="9" t="s">
        <v>9</v>
      </c>
      <c r="C19" s="9" t="s">
        <v>17</v>
      </c>
      <c r="D19" s="14" t="s">
        <v>70</v>
      </c>
      <c r="E19" s="22" t="s">
        <v>115</v>
      </c>
    </row>
    <row r="20" spans="1:5" x14ac:dyDescent="0.25">
      <c r="A20" s="10">
        <v>19</v>
      </c>
      <c r="B20" s="9" t="s">
        <v>9</v>
      </c>
      <c r="C20" s="9" t="s">
        <v>17</v>
      </c>
      <c r="D20" s="14" t="s">
        <v>71</v>
      </c>
      <c r="E20" s="22" t="s">
        <v>115</v>
      </c>
    </row>
    <row r="21" spans="1:5" x14ac:dyDescent="0.25">
      <c r="A21" s="10">
        <v>20</v>
      </c>
      <c r="B21" s="9" t="s">
        <v>9</v>
      </c>
      <c r="C21" s="9" t="s">
        <v>17</v>
      </c>
      <c r="D21" s="14" t="s">
        <v>72</v>
      </c>
      <c r="E21" s="22" t="s">
        <v>116</v>
      </c>
    </row>
    <row r="22" spans="1:5" x14ac:dyDescent="0.25">
      <c r="A22" s="10">
        <v>21</v>
      </c>
      <c r="B22" s="9" t="s">
        <v>9</v>
      </c>
      <c r="C22" s="9" t="s">
        <v>17</v>
      </c>
      <c r="D22" s="14" t="s">
        <v>73</v>
      </c>
      <c r="E22" s="22" t="s">
        <v>117</v>
      </c>
    </row>
    <row r="23" spans="1:5" x14ac:dyDescent="0.25">
      <c r="A23" s="10">
        <v>22</v>
      </c>
      <c r="B23" s="9" t="s">
        <v>9</v>
      </c>
      <c r="C23" s="9" t="s">
        <v>17</v>
      </c>
      <c r="D23" s="14" t="s">
        <v>74</v>
      </c>
      <c r="E23" s="22" t="s">
        <v>118</v>
      </c>
    </row>
    <row r="24" spans="1:5" x14ac:dyDescent="0.25">
      <c r="A24" s="10">
        <v>23</v>
      </c>
      <c r="B24" s="9" t="s">
        <v>9</v>
      </c>
      <c r="C24" s="9" t="s">
        <v>17</v>
      </c>
      <c r="D24" s="14" t="s">
        <v>75</v>
      </c>
      <c r="E24" s="22" t="s">
        <v>118</v>
      </c>
    </row>
    <row r="25" spans="1:5" x14ac:dyDescent="0.25">
      <c r="A25" s="10">
        <v>24</v>
      </c>
      <c r="B25" s="9" t="s">
        <v>9</v>
      </c>
      <c r="C25" s="9" t="s">
        <v>17</v>
      </c>
      <c r="D25" s="14" t="s">
        <v>76</v>
      </c>
      <c r="E25" s="22" t="s">
        <v>119</v>
      </c>
    </row>
    <row r="26" spans="1:5" x14ac:dyDescent="0.25">
      <c r="A26" s="10">
        <v>25</v>
      </c>
      <c r="B26" s="9" t="s">
        <v>9</v>
      </c>
      <c r="C26" s="9" t="s">
        <v>17</v>
      </c>
      <c r="D26" s="14" t="s">
        <v>77</v>
      </c>
      <c r="E26" s="22" t="s">
        <v>120</v>
      </c>
    </row>
    <row r="27" spans="1:5" x14ac:dyDescent="0.25">
      <c r="A27" s="10">
        <v>26</v>
      </c>
      <c r="B27" s="9" t="s">
        <v>9</v>
      </c>
      <c r="C27" s="9" t="s">
        <v>17</v>
      </c>
      <c r="D27" s="14" t="s">
        <v>78</v>
      </c>
      <c r="E27" s="22" t="s">
        <v>121</v>
      </c>
    </row>
    <row r="28" spans="1:5" x14ac:dyDescent="0.25">
      <c r="A28" s="10">
        <v>27</v>
      </c>
      <c r="B28" s="9" t="s">
        <v>9</v>
      </c>
      <c r="C28" s="9" t="s">
        <v>17</v>
      </c>
      <c r="D28" s="14" t="s">
        <v>79</v>
      </c>
      <c r="E28" s="23" t="s">
        <v>122</v>
      </c>
    </row>
    <row r="29" spans="1:5" x14ac:dyDescent="0.25">
      <c r="A29" s="10">
        <v>28</v>
      </c>
      <c r="B29" s="9" t="s">
        <v>9</v>
      </c>
      <c r="C29" s="9" t="s">
        <v>17</v>
      </c>
      <c r="D29" s="14" t="s">
        <v>80</v>
      </c>
      <c r="E29" s="22" t="s">
        <v>123</v>
      </c>
    </row>
    <row r="30" spans="1:5" x14ac:dyDescent="0.25">
      <c r="A30" s="10">
        <v>29</v>
      </c>
      <c r="B30" s="9" t="s">
        <v>9</v>
      </c>
      <c r="C30" s="9" t="s">
        <v>17</v>
      </c>
      <c r="D30" s="14" t="s">
        <v>81</v>
      </c>
      <c r="E30" s="22" t="s">
        <v>123</v>
      </c>
    </row>
    <row r="31" spans="1:5" x14ac:dyDescent="0.25">
      <c r="A31" s="10">
        <v>30</v>
      </c>
      <c r="B31" s="9" t="s">
        <v>9</v>
      </c>
      <c r="C31" s="9" t="s">
        <v>17</v>
      </c>
      <c r="D31" s="14" t="s">
        <v>82</v>
      </c>
      <c r="E31" s="22" t="s">
        <v>123</v>
      </c>
    </row>
    <row r="32" spans="1:5" x14ac:dyDescent="0.25">
      <c r="A32" s="10">
        <v>31</v>
      </c>
      <c r="B32" s="9" t="s">
        <v>9</v>
      </c>
      <c r="C32" s="9" t="s">
        <v>17</v>
      </c>
      <c r="D32" s="14" t="s">
        <v>83</v>
      </c>
      <c r="E32" s="22" t="s">
        <v>123</v>
      </c>
    </row>
    <row r="33" spans="1:5" x14ac:dyDescent="0.25">
      <c r="A33" s="10">
        <v>32</v>
      </c>
      <c r="B33" s="9" t="s">
        <v>9</v>
      </c>
      <c r="C33" s="9" t="s">
        <v>17</v>
      </c>
      <c r="D33" s="14" t="s">
        <v>84</v>
      </c>
      <c r="E33" s="22" t="s">
        <v>124</v>
      </c>
    </row>
    <row r="34" spans="1:5" x14ac:dyDescent="0.25">
      <c r="A34" s="10">
        <v>33</v>
      </c>
      <c r="B34" s="9" t="s">
        <v>9</v>
      </c>
      <c r="C34" s="9" t="s">
        <v>17</v>
      </c>
      <c r="D34" s="14" t="s">
        <v>85</v>
      </c>
      <c r="E34" s="22" t="s">
        <v>124</v>
      </c>
    </row>
    <row r="35" spans="1:5" x14ac:dyDescent="0.25">
      <c r="A35" s="10">
        <v>34</v>
      </c>
      <c r="B35" s="9" t="s">
        <v>9</v>
      </c>
      <c r="C35" s="9" t="s">
        <v>17</v>
      </c>
      <c r="D35" s="14" t="s">
        <v>86</v>
      </c>
      <c r="E35" s="22" t="s">
        <v>124</v>
      </c>
    </row>
    <row r="36" spans="1:5" x14ac:dyDescent="0.25">
      <c r="A36" s="10">
        <v>35</v>
      </c>
      <c r="B36" s="9" t="s">
        <v>9</v>
      </c>
      <c r="C36" s="9" t="s">
        <v>17</v>
      </c>
      <c r="D36" s="14" t="s">
        <v>87</v>
      </c>
      <c r="E36" s="24" t="s">
        <v>125</v>
      </c>
    </row>
    <row r="37" spans="1:5" x14ac:dyDescent="0.25">
      <c r="A37" s="10">
        <v>36</v>
      </c>
      <c r="B37" s="9" t="s">
        <v>9</v>
      </c>
      <c r="C37" s="9" t="s">
        <v>17</v>
      </c>
      <c r="D37" s="14" t="s">
        <v>88</v>
      </c>
      <c r="E37" s="22" t="s">
        <v>124</v>
      </c>
    </row>
    <row r="38" spans="1:5" x14ac:dyDescent="0.25">
      <c r="A38" s="10">
        <v>37</v>
      </c>
      <c r="B38" s="9" t="s">
        <v>9</v>
      </c>
      <c r="C38" s="9" t="s">
        <v>17</v>
      </c>
      <c r="D38" s="14" t="s">
        <v>89</v>
      </c>
      <c r="E38" s="22" t="s">
        <v>124</v>
      </c>
    </row>
    <row r="39" spans="1:5" x14ac:dyDescent="0.25">
      <c r="A39" s="10">
        <v>38</v>
      </c>
      <c r="B39" s="9" t="s">
        <v>9</v>
      </c>
      <c r="C39" s="9" t="s">
        <v>17</v>
      </c>
      <c r="D39" s="14" t="s">
        <v>90</v>
      </c>
      <c r="E39" s="22" t="s">
        <v>126</v>
      </c>
    </row>
    <row r="40" spans="1:5" x14ac:dyDescent="0.25">
      <c r="A40" s="10">
        <v>39</v>
      </c>
      <c r="B40" s="9" t="s">
        <v>9</v>
      </c>
      <c r="C40" s="9" t="s">
        <v>17</v>
      </c>
      <c r="D40" s="14" t="s">
        <v>91</v>
      </c>
      <c r="E40" s="22" t="s">
        <v>126</v>
      </c>
    </row>
    <row r="41" spans="1:5" x14ac:dyDescent="0.25">
      <c r="A41" s="10">
        <v>40</v>
      </c>
      <c r="B41" s="9" t="s">
        <v>9</v>
      </c>
      <c r="C41" s="9" t="s">
        <v>17</v>
      </c>
      <c r="D41" s="14" t="s">
        <v>92</v>
      </c>
      <c r="E41" s="22" t="s">
        <v>126</v>
      </c>
    </row>
    <row r="42" spans="1:5" x14ac:dyDescent="0.25">
      <c r="A42" s="10">
        <v>41</v>
      </c>
      <c r="B42" s="9" t="s">
        <v>9</v>
      </c>
      <c r="C42" s="9" t="s">
        <v>17</v>
      </c>
      <c r="D42" s="14" t="s">
        <v>93</v>
      </c>
      <c r="E42" s="22" t="s">
        <v>127</v>
      </c>
    </row>
    <row r="43" spans="1:5" x14ac:dyDescent="0.25">
      <c r="A43" s="10">
        <v>42</v>
      </c>
      <c r="B43" s="9" t="s">
        <v>9</v>
      </c>
      <c r="C43" s="9" t="s">
        <v>17</v>
      </c>
      <c r="D43" s="14" t="s">
        <v>94</v>
      </c>
      <c r="E43" s="22" t="s">
        <v>127</v>
      </c>
    </row>
    <row r="44" spans="1:5" x14ac:dyDescent="0.25">
      <c r="A44" s="10">
        <v>43</v>
      </c>
      <c r="B44" s="9" t="s">
        <v>9</v>
      </c>
      <c r="C44" s="9" t="s">
        <v>17</v>
      </c>
      <c r="D44" s="14" t="s">
        <v>95</v>
      </c>
      <c r="E44" s="22" t="s">
        <v>128</v>
      </c>
    </row>
    <row r="45" spans="1:5" x14ac:dyDescent="0.25">
      <c r="A45" s="10">
        <v>44</v>
      </c>
      <c r="B45" s="9" t="s">
        <v>9</v>
      </c>
      <c r="C45" s="9" t="s">
        <v>17</v>
      </c>
      <c r="D45" s="14" t="s">
        <v>96</v>
      </c>
      <c r="E45" s="22" t="s">
        <v>128</v>
      </c>
    </row>
    <row r="46" spans="1:5" x14ac:dyDescent="0.25">
      <c r="A46" s="10">
        <v>45</v>
      </c>
      <c r="B46" s="9" t="s">
        <v>9</v>
      </c>
      <c r="C46" s="9" t="s">
        <v>17</v>
      </c>
      <c r="D46" s="14" t="s">
        <v>97</v>
      </c>
      <c r="E46" s="22" t="s">
        <v>129</v>
      </c>
    </row>
    <row r="47" spans="1:5" x14ac:dyDescent="0.25">
      <c r="A47" s="10">
        <v>46</v>
      </c>
      <c r="B47" s="9" t="s">
        <v>9</v>
      </c>
      <c r="C47" s="9" t="s">
        <v>17</v>
      </c>
      <c r="D47" s="14" t="s">
        <v>98</v>
      </c>
      <c r="E47" s="22" t="s">
        <v>129</v>
      </c>
    </row>
    <row r="48" spans="1:5" x14ac:dyDescent="0.25">
      <c r="A48" s="10">
        <v>47</v>
      </c>
      <c r="B48" s="9" t="s">
        <v>9</v>
      </c>
      <c r="C48" s="9" t="s">
        <v>17</v>
      </c>
      <c r="D48" s="14" t="s">
        <v>99</v>
      </c>
      <c r="E48" s="14" t="s">
        <v>130</v>
      </c>
    </row>
    <row r="49" spans="1:5" x14ac:dyDescent="0.25">
      <c r="A49" s="10">
        <v>48</v>
      </c>
      <c r="B49" s="9" t="s">
        <v>9</v>
      </c>
      <c r="C49" s="9" t="s">
        <v>17</v>
      </c>
      <c r="D49" s="14" t="s">
        <v>100</v>
      </c>
      <c r="E49" s="14" t="s">
        <v>130</v>
      </c>
    </row>
    <row r="50" spans="1:5" x14ac:dyDescent="0.25">
      <c r="A50" s="10">
        <v>49</v>
      </c>
      <c r="B50" s="9" t="s">
        <v>9</v>
      </c>
      <c r="C50" s="9" t="s">
        <v>17</v>
      </c>
      <c r="D50" s="14" t="s">
        <v>101</v>
      </c>
      <c r="E50" s="22" t="s">
        <v>131</v>
      </c>
    </row>
    <row r="51" spans="1:5" x14ac:dyDescent="0.25">
      <c r="A51" s="10">
        <v>50</v>
      </c>
      <c r="B51" s="9" t="s">
        <v>9</v>
      </c>
      <c r="C51" s="9" t="s">
        <v>17</v>
      </c>
      <c r="D51" s="14" t="s">
        <v>102</v>
      </c>
      <c r="E51" s="22" t="s">
        <v>131</v>
      </c>
    </row>
    <row r="52" spans="1:5" x14ac:dyDescent="0.25">
      <c r="A52" s="10">
        <v>51</v>
      </c>
      <c r="B52" s="9" t="s">
        <v>9</v>
      </c>
      <c r="C52" s="9" t="s">
        <v>17</v>
      </c>
      <c r="D52" s="14" t="s">
        <v>103</v>
      </c>
      <c r="E52" s="22" t="s">
        <v>132</v>
      </c>
    </row>
    <row r="53" spans="1:5" x14ac:dyDescent="0.25">
      <c r="A53" s="10">
        <v>52</v>
      </c>
      <c r="B53" s="9" t="s">
        <v>9</v>
      </c>
      <c r="C53" s="9" t="s">
        <v>17</v>
      </c>
      <c r="D53" s="14" t="s">
        <v>104</v>
      </c>
      <c r="E53" s="22" t="s">
        <v>133</v>
      </c>
    </row>
    <row r="54" spans="1:5" x14ac:dyDescent="0.25">
      <c r="A54" s="10">
        <v>53</v>
      </c>
      <c r="B54" s="9" t="s">
        <v>9</v>
      </c>
      <c r="C54" s="9" t="s">
        <v>17</v>
      </c>
      <c r="D54" s="14" t="s">
        <v>105</v>
      </c>
      <c r="E54" s="23" t="s">
        <v>134</v>
      </c>
    </row>
  </sheetData>
  <pageMargins left="0.7" right="0.7" top="0.75" bottom="0.75" header="0.3" footer="0.3"/>
  <pageSetup orientation="portrait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B5"/>
  <sheetViews>
    <sheetView workbookViewId="0">
      <selection activeCell="J15" sqref="J15 J15"/>
    </sheetView>
  </sheetViews>
  <sheetFormatPr defaultColWidth="9.109375" defaultRowHeight="15.6" x14ac:dyDescent="0.3"/>
  <cols>
    <col min="1" max="1" width="10.6640625" style="11" customWidth="1"/>
    <col min="2" max="2" width="14.5546875" style="3" customWidth="1"/>
    <col min="3" max="254" width="9.109375" style="3" customWidth="1"/>
    <col min="255" max="255" width="10.6640625" style="3" customWidth="1"/>
    <col min="256" max="256" width="15" style="3" customWidth="1"/>
    <col min="257" max="257" width="14.5546875" style="3" customWidth="1"/>
    <col min="258" max="510" width="9.109375" style="3" customWidth="1"/>
    <col min="511" max="511" width="10.6640625" style="3" customWidth="1"/>
    <col min="512" max="512" width="15" style="3" customWidth="1"/>
    <col min="513" max="513" width="14.5546875" style="3" customWidth="1"/>
    <col min="514" max="766" width="9.109375" style="3" customWidth="1"/>
    <col min="767" max="767" width="10.6640625" style="3" customWidth="1"/>
    <col min="768" max="768" width="15" style="3" customWidth="1"/>
    <col min="769" max="769" width="14.5546875" style="3" customWidth="1"/>
    <col min="770" max="1022" width="9.109375" style="3" customWidth="1"/>
    <col min="1023" max="1023" width="10.6640625" style="3" customWidth="1"/>
    <col min="1024" max="1024" width="15" style="3" customWidth="1"/>
    <col min="1025" max="1025" width="14.5546875" style="3" customWidth="1"/>
    <col min="1026" max="1278" width="9.109375" style="3" customWidth="1"/>
    <col min="1279" max="1279" width="10.6640625" style="3" customWidth="1"/>
    <col min="1280" max="1280" width="15" style="3" customWidth="1"/>
    <col min="1281" max="1281" width="14.5546875" style="3" customWidth="1"/>
    <col min="1282" max="1534" width="9.109375" style="3" customWidth="1"/>
    <col min="1535" max="1535" width="10.6640625" style="3" customWidth="1"/>
    <col min="1536" max="1536" width="15" style="3" customWidth="1"/>
    <col min="1537" max="1537" width="14.5546875" style="3" customWidth="1"/>
    <col min="1538" max="1790" width="9.109375" style="3" customWidth="1"/>
    <col min="1791" max="1791" width="10.6640625" style="3" customWidth="1"/>
    <col min="1792" max="1792" width="15" style="3" customWidth="1"/>
    <col min="1793" max="1793" width="14.5546875" style="3" customWidth="1"/>
    <col min="1794" max="2046" width="9.109375" style="3" customWidth="1"/>
    <col min="2047" max="2047" width="10.6640625" style="3" customWidth="1"/>
    <col min="2048" max="2048" width="15" style="3" customWidth="1"/>
    <col min="2049" max="2049" width="14.5546875" style="3" customWidth="1"/>
    <col min="2050" max="2302" width="9.109375" style="3" customWidth="1"/>
    <col min="2303" max="2303" width="10.6640625" style="3" customWidth="1"/>
    <col min="2304" max="2304" width="15" style="3" customWidth="1"/>
    <col min="2305" max="2305" width="14.5546875" style="3" customWidth="1"/>
    <col min="2306" max="2558" width="9.109375" style="3" customWidth="1"/>
    <col min="2559" max="2559" width="10.6640625" style="3" customWidth="1"/>
    <col min="2560" max="2560" width="15" style="3" customWidth="1"/>
    <col min="2561" max="2561" width="14.5546875" style="3" customWidth="1"/>
    <col min="2562" max="2814" width="9.109375" style="3" customWidth="1"/>
    <col min="2815" max="2815" width="10.6640625" style="3" customWidth="1"/>
    <col min="2816" max="2816" width="15" style="3" customWidth="1"/>
    <col min="2817" max="2817" width="14.5546875" style="3" customWidth="1"/>
    <col min="2818" max="3070" width="9.109375" style="3" customWidth="1"/>
    <col min="3071" max="3071" width="10.6640625" style="3" customWidth="1"/>
    <col min="3072" max="3072" width="15" style="3" customWidth="1"/>
    <col min="3073" max="3073" width="14.5546875" style="3" customWidth="1"/>
    <col min="3074" max="3326" width="9.109375" style="3" customWidth="1"/>
    <col min="3327" max="3327" width="10.6640625" style="3" customWidth="1"/>
    <col min="3328" max="3328" width="15" style="3" customWidth="1"/>
    <col min="3329" max="3329" width="14.5546875" style="3" customWidth="1"/>
    <col min="3330" max="3582" width="9.109375" style="3" customWidth="1"/>
    <col min="3583" max="3583" width="10.6640625" style="3" customWidth="1"/>
    <col min="3584" max="3584" width="15" style="3" customWidth="1"/>
    <col min="3585" max="3585" width="14.5546875" style="3" customWidth="1"/>
    <col min="3586" max="3838" width="9.109375" style="3" customWidth="1"/>
    <col min="3839" max="3839" width="10.6640625" style="3" customWidth="1"/>
    <col min="3840" max="3840" width="15" style="3" customWidth="1"/>
    <col min="3841" max="3841" width="14.5546875" style="3" customWidth="1"/>
    <col min="3842" max="4094" width="9.109375" style="3" customWidth="1"/>
    <col min="4095" max="4095" width="10.6640625" style="3" customWidth="1"/>
    <col min="4096" max="4096" width="15" style="3" customWidth="1"/>
    <col min="4097" max="4097" width="14.5546875" style="3" customWidth="1"/>
    <col min="4098" max="4350" width="9.109375" style="3" customWidth="1"/>
    <col min="4351" max="4351" width="10.6640625" style="3" customWidth="1"/>
    <col min="4352" max="4352" width="15" style="3" customWidth="1"/>
    <col min="4353" max="4353" width="14.5546875" style="3" customWidth="1"/>
    <col min="4354" max="4606" width="9.109375" style="3" customWidth="1"/>
    <col min="4607" max="4607" width="10.6640625" style="3" customWidth="1"/>
    <col min="4608" max="4608" width="15" style="3" customWidth="1"/>
    <col min="4609" max="4609" width="14.5546875" style="3" customWidth="1"/>
    <col min="4610" max="4862" width="9.109375" style="3" customWidth="1"/>
    <col min="4863" max="4863" width="10.6640625" style="3" customWidth="1"/>
    <col min="4864" max="4864" width="15" style="3" customWidth="1"/>
    <col min="4865" max="4865" width="14.5546875" style="3" customWidth="1"/>
    <col min="4866" max="5118" width="9.109375" style="3" customWidth="1"/>
    <col min="5119" max="5119" width="10.6640625" style="3" customWidth="1"/>
    <col min="5120" max="5120" width="15" style="3" customWidth="1"/>
    <col min="5121" max="5121" width="14.5546875" style="3" customWidth="1"/>
    <col min="5122" max="5374" width="9.109375" style="3" customWidth="1"/>
    <col min="5375" max="5375" width="10.6640625" style="3" customWidth="1"/>
    <col min="5376" max="5376" width="15" style="3" customWidth="1"/>
    <col min="5377" max="5377" width="14.5546875" style="3" customWidth="1"/>
    <col min="5378" max="5630" width="9.109375" style="3" customWidth="1"/>
    <col min="5631" max="5631" width="10.6640625" style="3" customWidth="1"/>
    <col min="5632" max="5632" width="15" style="3" customWidth="1"/>
    <col min="5633" max="5633" width="14.5546875" style="3" customWidth="1"/>
    <col min="5634" max="5886" width="9.109375" style="3" customWidth="1"/>
    <col min="5887" max="5887" width="10.6640625" style="3" customWidth="1"/>
    <col min="5888" max="5888" width="15" style="3" customWidth="1"/>
    <col min="5889" max="5889" width="14.5546875" style="3" customWidth="1"/>
    <col min="5890" max="6142" width="9.109375" style="3" customWidth="1"/>
    <col min="6143" max="6143" width="10.6640625" style="3" customWidth="1"/>
    <col min="6144" max="6144" width="15" style="3" customWidth="1"/>
    <col min="6145" max="6145" width="14.5546875" style="3" customWidth="1"/>
    <col min="6146" max="6398" width="9.109375" style="3" customWidth="1"/>
    <col min="6399" max="6399" width="10.6640625" style="3" customWidth="1"/>
    <col min="6400" max="6400" width="15" style="3" customWidth="1"/>
    <col min="6401" max="6401" width="14.5546875" style="3" customWidth="1"/>
    <col min="6402" max="6654" width="9.109375" style="3" customWidth="1"/>
    <col min="6655" max="6655" width="10.6640625" style="3" customWidth="1"/>
    <col min="6656" max="6656" width="15" style="3" customWidth="1"/>
    <col min="6657" max="6657" width="14.5546875" style="3" customWidth="1"/>
    <col min="6658" max="6910" width="9.109375" style="3" customWidth="1"/>
    <col min="6911" max="6911" width="10.6640625" style="3" customWidth="1"/>
    <col min="6912" max="6912" width="15" style="3" customWidth="1"/>
    <col min="6913" max="6913" width="14.5546875" style="3" customWidth="1"/>
    <col min="6914" max="7166" width="9.109375" style="3" customWidth="1"/>
    <col min="7167" max="7167" width="10.6640625" style="3" customWidth="1"/>
    <col min="7168" max="7168" width="15" style="3" customWidth="1"/>
    <col min="7169" max="7169" width="14.5546875" style="3" customWidth="1"/>
    <col min="7170" max="7422" width="9.109375" style="3" customWidth="1"/>
    <col min="7423" max="7423" width="10.6640625" style="3" customWidth="1"/>
    <col min="7424" max="7424" width="15" style="3" customWidth="1"/>
    <col min="7425" max="7425" width="14.5546875" style="3" customWidth="1"/>
    <col min="7426" max="7678" width="9.109375" style="3" customWidth="1"/>
    <col min="7679" max="7679" width="10.6640625" style="3" customWidth="1"/>
    <col min="7680" max="7680" width="15" style="3" customWidth="1"/>
    <col min="7681" max="7681" width="14.5546875" style="3" customWidth="1"/>
    <col min="7682" max="7934" width="9.109375" style="3" customWidth="1"/>
    <col min="7935" max="7935" width="10.6640625" style="3" customWidth="1"/>
    <col min="7936" max="7936" width="15" style="3" customWidth="1"/>
    <col min="7937" max="7937" width="14.5546875" style="3" customWidth="1"/>
    <col min="7938" max="8190" width="9.109375" style="3" customWidth="1"/>
    <col min="8191" max="8191" width="10.6640625" style="3" customWidth="1"/>
    <col min="8192" max="8192" width="15" style="3" customWidth="1"/>
    <col min="8193" max="8193" width="14.5546875" style="3" customWidth="1"/>
    <col min="8194" max="8446" width="9.109375" style="3" customWidth="1"/>
    <col min="8447" max="8447" width="10.6640625" style="3" customWidth="1"/>
    <col min="8448" max="8448" width="15" style="3" customWidth="1"/>
    <col min="8449" max="8449" width="14.5546875" style="3" customWidth="1"/>
    <col min="8450" max="8702" width="9.109375" style="3" customWidth="1"/>
    <col min="8703" max="8703" width="10.6640625" style="3" customWidth="1"/>
    <col min="8704" max="8704" width="15" style="3" customWidth="1"/>
    <col min="8705" max="8705" width="14.5546875" style="3" customWidth="1"/>
    <col min="8706" max="8958" width="9.109375" style="3" customWidth="1"/>
    <col min="8959" max="8959" width="10.6640625" style="3" customWidth="1"/>
    <col min="8960" max="8960" width="15" style="3" customWidth="1"/>
    <col min="8961" max="8961" width="14.5546875" style="3" customWidth="1"/>
    <col min="8962" max="9214" width="9.109375" style="3" customWidth="1"/>
    <col min="9215" max="9215" width="10.6640625" style="3" customWidth="1"/>
    <col min="9216" max="9216" width="15" style="3" customWidth="1"/>
    <col min="9217" max="9217" width="14.5546875" style="3" customWidth="1"/>
    <col min="9218" max="9470" width="9.109375" style="3" customWidth="1"/>
    <col min="9471" max="9471" width="10.6640625" style="3" customWidth="1"/>
    <col min="9472" max="9472" width="15" style="3" customWidth="1"/>
    <col min="9473" max="9473" width="14.5546875" style="3" customWidth="1"/>
    <col min="9474" max="9726" width="9.109375" style="3" customWidth="1"/>
    <col min="9727" max="9727" width="10.6640625" style="3" customWidth="1"/>
    <col min="9728" max="9728" width="15" style="3" customWidth="1"/>
    <col min="9729" max="9729" width="14.5546875" style="3" customWidth="1"/>
    <col min="9730" max="9982" width="9.109375" style="3" customWidth="1"/>
    <col min="9983" max="9983" width="10.6640625" style="3" customWidth="1"/>
    <col min="9984" max="9984" width="15" style="3" customWidth="1"/>
    <col min="9985" max="9985" width="14.5546875" style="3" customWidth="1"/>
    <col min="9986" max="10238" width="9.109375" style="3" customWidth="1"/>
    <col min="10239" max="10239" width="10.6640625" style="3" customWidth="1"/>
    <col min="10240" max="10240" width="15" style="3" customWidth="1"/>
    <col min="10241" max="10241" width="14.5546875" style="3" customWidth="1"/>
    <col min="10242" max="10494" width="9.109375" style="3" customWidth="1"/>
    <col min="10495" max="10495" width="10.6640625" style="3" customWidth="1"/>
    <col min="10496" max="10496" width="15" style="3" customWidth="1"/>
    <col min="10497" max="10497" width="14.5546875" style="3" customWidth="1"/>
    <col min="10498" max="10750" width="9.109375" style="3" customWidth="1"/>
    <col min="10751" max="10751" width="10.6640625" style="3" customWidth="1"/>
    <col min="10752" max="10752" width="15" style="3" customWidth="1"/>
    <col min="10753" max="10753" width="14.5546875" style="3" customWidth="1"/>
    <col min="10754" max="11006" width="9.109375" style="3" customWidth="1"/>
    <col min="11007" max="11007" width="10.6640625" style="3" customWidth="1"/>
    <col min="11008" max="11008" width="15" style="3" customWidth="1"/>
    <col min="11009" max="11009" width="14.5546875" style="3" customWidth="1"/>
    <col min="11010" max="11262" width="9.109375" style="3" customWidth="1"/>
    <col min="11263" max="11263" width="10.6640625" style="3" customWidth="1"/>
    <col min="11264" max="11264" width="15" style="3" customWidth="1"/>
    <col min="11265" max="11265" width="14.5546875" style="3" customWidth="1"/>
    <col min="11266" max="11518" width="9.109375" style="3" customWidth="1"/>
    <col min="11519" max="11519" width="10.6640625" style="3" customWidth="1"/>
    <col min="11520" max="11520" width="15" style="3" customWidth="1"/>
    <col min="11521" max="11521" width="14.5546875" style="3" customWidth="1"/>
    <col min="11522" max="11774" width="9.109375" style="3" customWidth="1"/>
    <col min="11775" max="11775" width="10.6640625" style="3" customWidth="1"/>
    <col min="11776" max="11776" width="15" style="3" customWidth="1"/>
    <col min="11777" max="11777" width="14.5546875" style="3" customWidth="1"/>
    <col min="11778" max="12030" width="9.109375" style="3" customWidth="1"/>
    <col min="12031" max="12031" width="10.6640625" style="3" customWidth="1"/>
    <col min="12032" max="12032" width="15" style="3" customWidth="1"/>
    <col min="12033" max="12033" width="14.5546875" style="3" customWidth="1"/>
    <col min="12034" max="12286" width="9.109375" style="3" customWidth="1"/>
    <col min="12287" max="12287" width="10.6640625" style="3" customWidth="1"/>
    <col min="12288" max="12288" width="15" style="3" customWidth="1"/>
    <col min="12289" max="12289" width="14.5546875" style="3" customWidth="1"/>
    <col min="12290" max="12542" width="9.109375" style="3" customWidth="1"/>
    <col min="12543" max="12543" width="10.6640625" style="3" customWidth="1"/>
    <col min="12544" max="12544" width="15" style="3" customWidth="1"/>
    <col min="12545" max="12545" width="14.5546875" style="3" customWidth="1"/>
    <col min="12546" max="12798" width="9.109375" style="3" customWidth="1"/>
    <col min="12799" max="12799" width="10.6640625" style="3" customWidth="1"/>
    <col min="12800" max="12800" width="15" style="3" customWidth="1"/>
    <col min="12801" max="12801" width="14.5546875" style="3" customWidth="1"/>
    <col min="12802" max="13054" width="9.109375" style="3" customWidth="1"/>
    <col min="13055" max="13055" width="10.6640625" style="3" customWidth="1"/>
    <col min="13056" max="13056" width="15" style="3" customWidth="1"/>
    <col min="13057" max="13057" width="14.5546875" style="3" customWidth="1"/>
    <col min="13058" max="13310" width="9.109375" style="3" customWidth="1"/>
    <col min="13311" max="13311" width="10.6640625" style="3" customWidth="1"/>
    <col min="13312" max="13312" width="15" style="3" customWidth="1"/>
    <col min="13313" max="13313" width="14.5546875" style="3" customWidth="1"/>
    <col min="13314" max="13566" width="9.109375" style="3" customWidth="1"/>
    <col min="13567" max="13567" width="10.6640625" style="3" customWidth="1"/>
    <col min="13568" max="13568" width="15" style="3" customWidth="1"/>
    <col min="13569" max="13569" width="14.5546875" style="3" customWidth="1"/>
    <col min="13570" max="13822" width="9.109375" style="3" customWidth="1"/>
    <col min="13823" max="13823" width="10.6640625" style="3" customWidth="1"/>
    <col min="13824" max="13824" width="15" style="3" customWidth="1"/>
    <col min="13825" max="13825" width="14.5546875" style="3" customWidth="1"/>
    <col min="13826" max="14078" width="9.109375" style="3" customWidth="1"/>
    <col min="14079" max="14079" width="10.6640625" style="3" customWidth="1"/>
    <col min="14080" max="14080" width="15" style="3" customWidth="1"/>
    <col min="14081" max="14081" width="14.5546875" style="3" customWidth="1"/>
    <col min="14082" max="14334" width="9.109375" style="3" customWidth="1"/>
    <col min="14335" max="14335" width="10.6640625" style="3" customWidth="1"/>
    <col min="14336" max="14336" width="15" style="3" customWidth="1"/>
    <col min="14337" max="14337" width="14.5546875" style="3" customWidth="1"/>
    <col min="14338" max="14590" width="9.109375" style="3" customWidth="1"/>
    <col min="14591" max="14591" width="10.6640625" style="3" customWidth="1"/>
    <col min="14592" max="14592" width="15" style="3" customWidth="1"/>
    <col min="14593" max="14593" width="14.5546875" style="3" customWidth="1"/>
    <col min="14594" max="14846" width="9.109375" style="3" customWidth="1"/>
    <col min="14847" max="14847" width="10.6640625" style="3" customWidth="1"/>
    <col min="14848" max="14848" width="15" style="3" customWidth="1"/>
    <col min="14849" max="14849" width="14.5546875" style="3" customWidth="1"/>
    <col min="14850" max="15102" width="9.109375" style="3" customWidth="1"/>
    <col min="15103" max="15103" width="10.6640625" style="3" customWidth="1"/>
    <col min="15104" max="15104" width="15" style="3" customWidth="1"/>
    <col min="15105" max="15105" width="14.5546875" style="3" customWidth="1"/>
    <col min="15106" max="15358" width="9.109375" style="3" customWidth="1"/>
    <col min="15359" max="15359" width="10.6640625" style="3" customWidth="1"/>
    <col min="15360" max="15360" width="15" style="3" customWidth="1"/>
    <col min="15361" max="15361" width="14.5546875" style="3" customWidth="1"/>
    <col min="15362" max="15614" width="9.109375" style="3" customWidth="1"/>
    <col min="15615" max="15615" width="10.6640625" style="3" customWidth="1"/>
    <col min="15616" max="15616" width="15" style="3" customWidth="1"/>
    <col min="15617" max="15617" width="14.5546875" style="3" customWidth="1"/>
    <col min="15618" max="15870" width="9.109375" style="3" customWidth="1"/>
    <col min="15871" max="15871" width="10.6640625" style="3" customWidth="1"/>
    <col min="15872" max="15872" width="15" style="3" customWidth="1"/>
    <col min="15873" max="15873" width="14.5546875" style="3" customWidth="1"/>
    <col min="15874" max="16126" width="9.109375" style="3" customWidth="1"/>
    <col min="16127" max="16127" width="10.6640625" style="3" customWidth="1"/>
    <col min="16128" max="16128" width="15" style="3" customWidth="1"/>
    <col min="16129" max="16129" width="14.5546875" style="3" customWidth="1"/>
    <col min="16130" max="16384" width="9.109375" style="3" customWidth="1"/>
  </cols>
  <sheetData>
    <row r="1" spans="1:2" x14ac:dyDescent="0.3">
      <c r="A1" s="1" t="s">
        <v>0</v>
      </c>
      <c r="B1" s="2" t="s">
        <v>7</v>
      </c>
    </row>
    <row r="2" spans="1:2" x14ac:dyDescent="0.3">
      <c r="A2" s="18">
        <v>1</v>
      </c>
      <c r="B2" s="19" t="s">
        <v>8</v>
      </c>
    </row>
    <row r="3" spans="1:2" x14ac:dyDescent="0.3">
      <c r="A3" s="18">
        <v>2</v>
      </c>
      <c r="B3" s="19" t="s">
        <v>9</v>
      </c>
    </row>
    <row r="4" spans="1:2" x14ac:dyDescent="0.3">
      <c r="A4" s="18">
        <v>3</v>
      </c>
      <c r="B4" s="19" t="s">
        <v>10</v>
      </c>
    </row>
    <row r="5" spans="1:2" x14ac:dyDescent="0.3">
      <c r="A5" s="18">
        <v>4</v>
      </c>
      <c r="B5" s="19" t="s">
        <v>11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B30"/>
  <sheetViews>
    <sheetView workbookViewId="0">
      <selection activeCell="C15" sqref="C15 C15"/>
    </sheetView>
  </sheetViews>
  <sheetFormatPr defaultColWidth="9.109375" defaultRowHeight="15.6" x14ac:dyDescent="0.3"/>
  <cols>
    <col min="1" max="1" width="9.109375" style="11" customWidth="1"/>
    <col min="2" max="2" width="22.33203125" style="3" customWidth="1"/>
    <col min="3" max="256" width="9.109375" style="3" customWidth="1"/>
    <col min="257" max="257" width="22.33203125" style="3" customWidth="1"/>
    <col min="258" max="512" width="9.109375" style="3" customWidth="1"/>
    <col min="513" max="513" width="22.33203125" style="3" customWidth="1"/>
    <col min="514" max="768" width="9.109375" style="3" customWidth="1"/>
    <col min="769" max="769" width="22.33203125" style="3" customWidth="1"/>
    <col min="770" max="1024" width="9.109375" style="3" customWidth="1"/>
    <col min="1025" max="1025" width="22.33203125" style="3" customWidth="1"/>
    <col min="1026" max="1280" width="9.109375" style="3" customWidth="1"/>
    <col min="1281" max="1281" width="22.33203125" style="3" customWidth="1"/>
    <col min="1282" max="1536" width="9.109375" style="3" customWidth="1"/>
    <col min="1537" max="1537" width="22.33203125" style="3" customWidth="1"/>
    <col min="1538" max="1792" width="9.109375" style="3" customWidth="1"/>
    <col min="1793" max="1793" width="22.33203125" style="3" customWidth="1"/>
    <col min="1794" max="2048" width="9.109375" style="3" customWidth="1"/>
    <col min="2049" max="2049" width="22.33203125" style="3" customWidth="1"/>
    <col min="2050" max="2304" width="9.109375" style="3" customWidth="1"/>
    <col min="2305" max="2305" width="22.33203125" style="3" customWidth="1"/>
    <col min="2306" max="2560" width="9.109375" style="3" customWidth="1"/>
    <col min="2561" max="2561" width="22.33203125" style="3" customWidth="1"/>
    <col min="2562" max="2816" width="9.109375" style="3" customWidth="1"/>
    <col min="2817" max="2817" width="22.33203125" style="3" customWidth="1"/>
    <col min="2818" max="3072" width="9.109375" style="3" customWidth="1"/>
    <col min="3073" max="3073" width="22.33203125" style="3" customWidth="1"/>
    <col min="3074" max="3328" width="9.109375" style="3" customWidth="1"/>
    <col min="3329" max="3329" width="22.33203125" style="3" customWidth="1"/>
    <col min="3330" max="3584" width="9.109375" style="3" customWidth="1"/>
    <col min="3585" max="3585" width="22.33203125" style="3" customWidth="1"/>
    <col min="3586" max="3840" width="9.109375" style="3" customWidth="1"/>
    <col min="3841" max="3841" width="22.33203125" style="3" customWidth="1"/>
    <col min="3842" max="4096" width="9.109375" style="3" customWidth="1"/>
    <col min="4097" max="4097" width="22.33203125" style="3" customWidth="1"/>
    <col min="4098" max="4352" width="9.109375" style="3" customWidth="1"/>
    <col min="4353" max="4353" width="22.33203125" style="3" customWidth="1"/>
    <col min="4354" max="4608" width="9.109375" style="3" customWidth="1"/>
    <col min="4609" max="4609" width="22.33203125" style="3" customWidth="1"/>
    <col min="4610" max="4864" width="9.109375" style="3" customWidth="1"/>
    <col min="4865" max="4865" width="22.33203125" style="3" customWidth="1"/>
    <col min="4866" max="5120" width="9.109375" style="3" customWidth="1"/>
    <col min="5121" max="5121" width="22.33203125" style="3" customWidth="1"/>
    <col min="5122" max="5376" width="9.109375" style="3" customWidth="1"/>
    <col min="5377" max="5377" width="22.33203125" style="3" customWidth="1"/>
    <col min="5378" max="5632" width="9.109375" style="3" customWidth="1"/>
    <col min="5633" max="5633" width="22.33203125" style="3" customWidth="1"/>
    <col min="5634" max="5888" width="9.109375" style="3" customWidth="1"/>
    <col min="5889" max="5889" width="22.33203125" style="3" customWidth="1"/>
    <col min="5890" max="6144" width="9.109375" style="3" customWidth="1"/>
    <col min="6145" max="6145" width="22.33203125" style="3" customWidth="1"/>
    <col min="6146" max="6400" width="9.109375" style="3" customWidth="1"/>
    <col min="6401" max="6401" width="22.33203125" style="3" customWidth="1"/>
    <col min="6402" max="6656" width="9.109375" style="3" customWidth="1"/>
    <col min="6657" max="6657" width="22.33203125" style="3" customWidth="1"/>
    <col min="6658" max="6912" width="9.109375" style="3" customWidth="1"/>
    <col min="6913" max="6913" width="22.33203125" style="3" customWidth="1"/>
    <col min="6914" max="7168" width="9.109375" style="3" customWidth="1"/>
    <col min="7169" max="7169" width="22.33203125" style="3" customWidth="1"/>
    <col min="7170" max="7424" width="9.109375" style="3" customWidth="1"/>
    <col min="7425" max="7425" width="22.33203125" style="3" customWidth="1"/>
    <col min="7426" max="7680" width="9.109375" style="3" customWidth="1"/>
    <col min="7681" max="7681" width="22.33203125" style="3" customWidth="1"/>
    <col min="7682" max="7936" width="9.109375" style="3" customWidth="1"/>
    <col min="7937" max="7937" width="22.33203125" style="3" customWidth="1"/>
    <col min="7938" max="8192" width="9.109375" style="3" customWidth="1"/>
    <col min="8193" max="8193" width="22.33203125" style="3" customWidth="1"/>
    <col min="8194" max="8448" width="9.109375" style="3" customWidth="1"/>
    <col min="8449" max="8449" width="22.33203125" style="3" customWidth="1"/>
    <col min="8450" max="8704" width="9.109375" style="3" customWidth="1"/>
    <col min="8705" max="8705" width="22.33203125" style="3" customWidth="1"/>
    <col min="8706" max="8960" width="9.109375" style="3" customWidth="1"/>
    <col min="8961" max="8961" width="22.33203125" style="3" customWidth="1"/>
    <col min="8962" max="9216" width="9.109375" style="3" customWidth="1"/>
    <col min="9217" max="9217" width="22.33203125" style="3" customWidth="1"/>
    <col min="9218" max="9472" width="9.109375" style="3" customWidth="1"/>
    <col min="9473" max="9473" width="22.33203125" style="3" customWidth="1"/>
    <col min="9474" max="9728" width="9.109375" style="3" customWidth="1"/>
    <col min="9729" max="9729" width="22.33203125" style="3" customWidth="1"/>
    <col min="9730" max="9984" width="9.109375" style="3" customWidth="1"/>
    <col min="9985" max="9985" width="22.33203125" style="3" customWidth="1"/>
    <col min="9986" max="10240" width="9.109375" style="3" customWidth="1"/>
    <col min="10241" max="10241" width="22.33203125" style="3" customWidth="1"/>
    <col min="10242" max="10496" width="9.109375" style="3" customWidth="1"/>
    <col min="10497" max="10497" width="22.33203125" style="3" customWidth="1"/>
    <col min="10498" max="10752" width="9.109375" style="3" customWidth="1"/>
    <col min="10753" max="10753" width="22.33203125" style="3" customWidth="1"/>
    <col min="10754" max="11008" width="9.109375" style="3" customWidth="1"/>
    <col min="11009" max="11009" width="22.33203125" style="3" customWidth="1"/>
    <col min="11010" max="11264" width="9.109375" style="3" customWidth="1"/>
    <col min="11265" max="11265" width="22.33203125" style="3" customWidth="1"/>
    <col min="11266" max="11520" width="9.109375" style="3" customWidth="1"/>
    <col min="11521" max="11521" width="22.33203125" style="3" customWidth="1"/>
    <col min="11522" max="11776" width="9.109375" style="3" customWidth="1"/>
    <col min="11777" max="11777" width="22.33203125" style="3" customWidth="1"/>
    <col min="11778" max="12032" width="9.109375" style="3" customWidth="1"/>
    <col min="12033" max="12033" width="22.33203125" style="3" customWidth="1"/>
    <col min="12034" max="12288" width="9.109375" style="3" customWidth="1"/>
    <col min="12289" max="12289" width="22.33203125" style="3" customWidth="1"/>
    <col min="12290" max="12544" width="9.109375" style="3" customWidth="1"/>
    <col min="12545" max="12545" width="22.33203125" style="3" customWidth="1"/>
    <col min="12546" max="12800" width="9.109375" style="3" customWidth="1"/>
    <col min="12801" max="12801" width="22.33203125" style="3" customWidth="1"/>
    <col min="12802" max="13056" width="9.109375" style="3" customWidth="1"/>
    <col min="13057" max="13057" width="22.33203125" style="3" customWidth="1"/>
    <col min="13058" max="13312" width="9.109375" style="3" customWidth="1"/>
    <col min="13313" max="13313" width="22.33203125" style="3" customWidth="1"/>
    <col min="13314" max="13568" width="9.109375" style="3" customWidth="1"/>
    <col min="13569" max="13569" width="22.33203125" style="3" customWidth="1"/>
    <col min="13570" max="13824" width="9.109375" style="3" customWidth="1"/>
    <col min="13825" max="13825" width="22.33203125" style="3" customWidth="1"/>
    <col min="13826" max="14080" width="9.109375" style="3" customWidth="1"/>
    <col min="14081" max="14081" width="22.33203125" style="3" customWidth="1"/>
    <col min="14082" max="14336" width="9.109375" style="3" customWidth="1"/>
    <col min="14337" max="14337" width="22.33203125" style="3" customWidth="1"/>
    <col min="14338" max="14592" width="9.109375" style="3" customWidth="1"/>
    <col min="14593" max="14593" width="22.33203125" style="3" customWidth="1"/>
    <col min="14594" max="14848" width="9.109375" style="3" customWidth="1"/>
    <col min="14849" max="14849" width="22.33203125" style="3" customWidth="1"/>
    <col min="14850" max="15104" width="9.109375" style="3" customWidth="1"/>
    <col min="15105" max="15105" width="22.33203125" style="3" customWidth="1"/>
    <col min="15106" max="15360" width="9.109375" style="3" customWidth="1"/>
    <col min="15361" max="15361" width="22.33203125" style="3" customWidth="1"/>
    <col min="15362" max="15616" width="9.109375" style="3" customWidth="1"/>
    <col min="15617" max="15617" width="22.33203125" style="3" customWidth="1"/>
    <col min="15618" max="15872" width="9.109375" style="3" customWidth="1"/>
    <col min="15873" max="15873" width="22.33203125" style="3" customWidth="1"/>
    <col min="15874" max="16128" width="9.109375" style="3" customWidth="1"/>
    <col min="16129" max="16129" width="22.33203125" style="3" customWidth="1"/>
    <col min="16130" max="16384" width="9.109375" style="3" customWidth="1"/>
  </cols>
  <sheetData>
    <row r="1" spans="1:2" x14ac:dyDescent="0.3">
      <c r="A1" s="1" t="s">
        <v>0</v>
      </c>
      <c r="B1" s="2" t="s">
        <v>2</v>
      </c>
    </row>
    <row r="2" spans="1:2" x14ac:dyDescent="0.3">
      <c r="A2" s="18">
        <v>1</v>
      </c>
      <c r="B2" s="19" t="s">
        <v>12</v>
      </c>
    </row>
    <row r="3" spans="1:2" x14ac:dyDescent="0.3">
      <c r="A3" s="18">
        <v>2</v>
      </c>
      <c r="B3" s="19" t="s">
        <v>13</v>
      </c>
    </row>
    <row r="4" spans="1:2" x14ac:dyDescent="0.3">
      <c r="A4" s="18">
        <v>3</v>
      </c>
      <c r="B4" s="19" t="s">
        <v>14</v>
      </c>
    </row>
    <row r="5" spans="1:2" x14ac:dyDescent="0.3">
      <c r="A5" s="18">
        <v>4</v>
      </c>
      <c r="B5" s="19" t="s">
        <v>15</v>
      </c>
    </row>
    <row r="6" spans="1:2" x14ac:dyDescent="0.3">
      <c r="A6" s="18">
        <v>5</v>
      </c>
      <c r="B6" s="19" t="s">
        <v>16</v>
      </c>
    </row>
    <row r="7" spans="1:2" x14ac:dyDescent="0.3">
      <c r="A7" s="18">
        <v>6</v>
      </c>
      <c r="B7" s="19" t="s">
        <v>17</v>
      </c>
    </row>
    <row r="8" spans="1:2" x14ac:dyDescent="0.3">
      <c r="A8" s="18">
        <v>7</v>
      </c>
      <c r="B8" s="19" t="s">
        <v>18</v>
      </c>
    </row>
    <row r="9" spans="1:2" x14ac:dyDescent="0.3">
      <c r="A9" s="18">
        <v>8</v>
      </c>
      <c r="B9" s="19" t="s">
        <v>19</v>
      </c>
    </row>
    <row r="10" spans="1:2" x14ac:dyDescent="0.3">
      <c r="A10" s="18">
        <v>9</v>
      </c>
      <c r="B10" s="19" t="s">
        <v>20</v>
      </c>
    </row>
    <row r="11" spans="1:2" x14ac:dyDescent="0.3">
      <c r="A11" s="18">
        <v>10</v>
      </c>
      <c r="B11" s="19" t="s">
        <v>21</v>
      </c>
    </row>
    <row r="12" spans="1:2" x14ac:dyDescent="0.3">
      <c r="A12" s="18">
        <v>11</v>
      </c>
      <c r="B12" s="19" t="s">
        <v>22</v>
      </c>
    </row>
    <row r="13" spans="1:2" x14ac:dyDescent="0.3">
      <c r="A13" s="18">
        <v>12</v>
      </c>
      <c r="B13" s="19" t="s">
        <v>23</v>
      </c>
    </row>
    <row r="14" spans="1:2" x14ac:dyDescent="0.3">
      <c r="A14" s="18">
        <v>13</v>
      </c>
      <c r="B14" s="19" t="s">
        <v>24</v>
      </c>
    </row>
    <row r="15" spans="1:2" x14ac:dyDescent="0.3">
      <c r="A15" s="18">
        <v>14</v>
      </c>
      <c r="B15" s="19" t="s">
        <v>25</v>
      </c>
    </row>
    <row r="16" spans="1:2" x14ac:dyDescent="0.3">
      <c r="A16" s="18">
        <v>15</v>
      </c>
      <c r="B16" s="19" t="s">
        <v>26</v>
      </c>
    </row>
    <row r="17" spans="1:2" x14ac:dyDescent="0.3">
      <c r="A17" s="18">
        <v>16</v>
      </c>
      <c r="B17" s="19" t="s">
        <v>27</v>
      </c>
    </row>
    <row r="18" spans="1:2" x14ac:dyDescent="0.3">
      <c r="A18" s="18">
        <v>17</v>
      </c>
      <c r="B18" s="19" t="s">
        <v>28</v>
      </c>
    </row>
    <row r="19" spans="1:2" x14ac:dyDescent="0.3">
      <c r="A19" s="18">
        <v>18</v>
      </c>
      <c r="B19" s="19" t="s">
        <v>29</v>
      </c>
    </row>
    <row r="20" spans="1:2" x14ac:dyDescent="0.3">
      <c r="A20" s="18">
        <v>19</v>
      </c>
      <c r="B20" s="19" t="s">
        <v>30</v>
      </c>
    </row>
    <row r="21" spans="1:2" x14ac:dyDescent="0.3">
      <c r="A21" s="18">
        <v>20</v>
      </c>
      <c r="B21" s="19" t="s">
        <v>31</v>
      </c>
    </row>
    <row r="22" spans="1:2" x14ac:dyDescent="0.3">
      <c r="A22" s="18">
        <v>21</v>
      </c>
      <c r="B22" s="19" t="s">
        <v>32</v>
      </c>
    </row>
    <row r="23" spans="1:2" x14ac:dyDescent="0.3">
      <c r="A23" s="18">
        <v>22</v>
      </c>
      <c r="B23" s="19" t="s">
        <v>33</v>
      </c>
    </row>
    <row r="24" spans="1:2" x14ac:dyDescent="0.3">
      <c r="A24" s="18">
        <v>23</v>
      </c>
      <c r="B24" s="19" t="s">
        <v>34</v>
      </c>
    </row>
    <row r="25" spans="1:2" x14ac:dyDescent="0.3">
      <c r="A25" s="18">
        <v>24</v>
      </c>
      <c r="B25" s="19" t="s">
        <v>35</v>
      </c>
    </row>
    <row r="26" spans="1:2" x14ac:dyDescent="0.3">
      <c r="A26" s="18">
        <v>25</v>
      </c>
      <c r="B26" s="19" t="s">
        <v>36</v>
      </c>
    </row>
    <row r="27" spans="1:2" x14ac:dyDescent="0.3">
      <c r="A27" s="18">
        <v>26</v>
      </c>
      <c r="B27" s="19" t="s">
        <v>37</v>
      </c>
    </row>
    <row r="28" spans="1:2" ht="31.2" x14ac:dyDescent="0.3">
      <c r="A28" s="18">
        <v>27</v>
      </c>
      <c r="B28" s="19" t="s">
        <v>38</v>
      </c>
    </row>
    <row r="29" spans="1:2" ht="31.2" x14ac:dyDescent="0.3">
      <c r="A29" s="18">
        <v>28</v>
      </c>
      <c r="B29" s="19" t="s">
        <v>39</v>
      </c>
    </row>
    <row r="30" spans="1:2" x14ac:dyDescent="0.3">
      <c r="A30" s="18">
        <v>29</v>
      </c>
      <c r="B30" s="19" t="s">
        <v>40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D7"/>
  <sheetViews>
    <sheetView workbookViewId="0">
      <selection activeCell="D13" sqref="D13 D13"/>
    </sheetView>
  </sheetViews>
  <sheetFormatPr defaultRowHeight="14.4" x14ac:dyDescent="0.3"/>
  <cols>
    <col min="1" max="1" width="9.109375" customWidth="1"/>
    <col min="2" max="2" width="30.33203125" customWidth="1"/>
    <col min="3" max="3" width="47.44140625" customWidth="1"/>
    <col min="4" max="4" width="35.88671875" bestFit="1" customWidth="1"/>
    <col min="5" max="257" width="9.109375" customWidth="1"/>
    <col min="258" max="258" width="30.33203125" customWidth="1"/>
    <col min="259" max="259" width="47.44140625" customWidth="1"/>
    <col min="260" max="260" width="35.88671875" bestFit="1" customWidth="1"/>
    <col min="261" max="513" width="9.109375" customWidth="1"/>
    <col min="514" max="514" width="30.33203125" customWidth="1"/>
    <col min="515" max="515" width="47.44140625" customWidth="1"/>
    <col min="516" max="516" width="35.88671875" bestFit="1" customWidth="1"/>
    <col min="517" max="769" width="9.109375" customWidth="1"/>
    <col min="770" max="770" width="30.33203125" customWidth="1"/>
    <col min="771" max="771" width="47.44140625" customWidth="1"/>
    <col min="772" max="772" width="35.88671875" bestFit="1" customWidth="1"/>
    <col min="773" max="1025" width="9.109375" customWidth="1"/>
    <col min="1026" max="1026" width="30.33203125" customWidth="1"/>
    <col min="1027" max="1027" width="47.44140625" customWidth="1"/>
    <col min="1028" max="1028" width="35.88671875" bestFit="1" customWidth="1"/>
    <col min="1029" max="1281" width="9.109375" customWidth="1"/>
    <col min="1282" max="1282" width="30.33203125" customWidth="1"/>
    <col min="1283" max="1283" width="47.44140625" customWidth="1"/>
    <col min="1284" max="1284" width="35.88671875" bestFit="1" customWidth="1"/>
    <col min="1285" max="1537" width="9.109375" customWidth="1"/>
    <col min="1538" max="1538" width="30.33203125" customWidth="1"/>
    <col min="1539" max="1539" width="47.44140625" customWidth="1"/>
    <col min="1540" max="1540" width="35.88671875" bestFit="1" customWidth="1"/>
    <col min="1541" max="1793" width="9.109375" customWidth="1"/>
    <col min="1794" max="1794" width="30.33203125" customWidth="1"/>
    <col min="1795" max="1795" width="47.44140625" customWidth="1"/>
    <col min="1796" max="1796" width="35.88671875" bestFit="1" customWidth="1"/>
    <col min="1797" max="2049" width="9.109375" customWidth="1"/>
    <col min="2050" max="2050" width="30.33203125" customWidth="1"/>
    <col min="2051" max="2051" width="47.44140625" customWidth="1"/>
    <col min="2052" max="2052" width="35.88671875" bestFit="1" customWidth="1"/>
    <col min="2053" max="2305" width="9.109375" customWidth="1"/>
    <col min="2306" max="2306" width="30.33203125" customWidth="1"/>
    <col min="2307" max="2307" width="47.44140625" customWidth="1"/>
    <col min="2308" max="2308" width="35.88671875" bestFit="1" customWidth="1"/>
    <col min="2309" max="2561" width="9.109375" customWidth="1"/>
    <col min="2562" max="2562" width="30.33203125" customWidth="1"/>
    <col min="2563" max="2563" width="47.44140625" customWidth="1"/>
    <col min="2564" max="2564" width="35.88671875" bestFit="1" customWidth="1"/>
    <col min="2565" max="2817" width="9.109375" customWidth="1"/>
    <col min="2818" max="2818" width="30.33203125" customWidth="1"/>
    <col min="2819" max="2819" width="47.44140625" customWidth="1"/>
    <col min="2820" max="2820" width="35.88671875" bestFit="1" customWidth="1"/>
    <col min="2821" max="3073" width="9.109375" customWidth="1"/>
    <col min="3074" max="3074" width="30.33203125" customWidth="1"/>
    <col min="3075" max="3075" width="47.44140625" customWidth="1"/>
    <col min="3076" max="3076" width="35.88671875" bestFit="1" customWidth="1"/>
    <col min="3077" max="3329" width="9.109375" customWidth="1"/>
    <col min="3330" max="3330" width="30.33203125" customWidth="1"/>
    <col min="3331" max="3331" width="47.44140625" customWidth="1"/>
    <col min="3332" max="3332" width="35.88671875" bestFit="1" customWidth="1"/>
    <col min="3333" max="3585" width="9.109375" customWidth="1"/>
    <col min="3586" max="3586" width="30.33203125" customWidth="1"/>
    <col min="3587" max="3587" width="47.44140625" customWidth="1"/>
    <col min="3588" max="3588" width="35.88671875" bestFit="1" customWidth="1"/>
    <col min="3589" max="3841" width="9.109375" customWidth="1"/>
    <col min="3842" max="3842" width="30.33203125" customWidth="1"/>
    <col min="3843" max="3843" width="47.44140625" customWidth="1"/>
    <col min="3844" max="3844" width="35.88671875" bestFit="1" customWidth="1"/>
    <col min="3845" max="4097" width="9.109375" customWidth="1"/>
    <col min="4098" max="4098" width="30.33203125" customWidth="1"/>
    <col min="4099" max="4099" width="47.44140625" customWidth="1"/>
    <col min="4100" max="4100" width="35.88671875" bestFit="1" customWidth="1"/>
    <col min="4101" max="4353" width="9.109375" customWidth="1"/>
    <col min="4354" max="4354" width="30.33203125" customWidth="1"/>
    <col min="4355" max="4355" width="47.44140625" customWidth="1"/>
    <col min="4356" max="4356" width="35.88671875" bestFit="1" customWidth="1"/>
    <col min="4357" max="4609" width="9.109375" customWidth="1"/>
    <col min="4610" max="4610" width="30.33203125" customWidth="1"/>
    <col min="4611" max="4611" width="47.44140625" customWidth="1"/>
    <col min="4612" max="4612" width="35.88671875" bestFit="1" customWidth="1"/>
    <col min="4613" max="4865" width="9.109375" customWidth="1"/>
    <col min="4866" max="4866" width="30.33203125" customWidth="1"/>
    <col min="4867" max="4867" width="47.44140625" customWidth="1"/>
    <col min="4868" max="4868" width="35.88671875" bestFit="1" customWidth="1"/>
    <col min="4869" max="5121" width="9.109375" customWidth="1"/>
    <col min="5122" max="5122" width="30.33203125" customWidth="1"/>
    <col min="5123" max="5123" width="47.44140625" customWidth="1"/>
    <col min="5124" max="5124" width="35.88671875" bestFit="1" customWidth="1"/>
    <col min="5125" max="5377" width="9.109375" customWidth="1"/>
    <col min="5378" max="5378" width="30.33203125" customWidth="1"/>
    <col min="5379" max="5379" width="47.44140625" customWidth="1"/>
    <col min="5380" max="5380" width="35.88671875" bestFit="1" customWidth="1"/>
    <col min="5381" max="5633" width="9.109375" customWidth="1"/>
    <col min="5634" max="5634" width="30.33203125" customWidth="1"/>
    <col min="5635" max="5635" width="47.44140625" customWidth="1"/>
    <col min="5636" max="5636" width="35.88671875" bestFit="1" customWidth="1"/>
    <col min="5637" max="5889" width="9.109375" customWidth="1"/>
    <col min="5890" max="5890" width="30.33203125" customWidth="1"/>
    <col min="5891" max="5891" width="47.44140625" customWidth="1"/>
    <col min="5892" max="5892" width="35.88671875" bestFit="1" customWidth="1"/>
    <col min="5893" max="6145" width="9.109375" customWidth="1"/>
    <col min="6146" max="6146" width="30.33203125" customWidth="1"/>
    <col min="6147" max="6147" width="47.44140625" customWidth="1"/>
    <col min="6148" max="6148" width="35.88671875" bestFit="1" customWidth="1"/>
    <col min="6149" max="6401" width="9.109375" customWidth="1"/>
    <col min="6402" max="6402" width="30.33203125" customWidth="1"/>
    <col min="6403" max="6403" width="47.44140625" customWidth="1"/>
    <col min="6404" max="6404" width="35.88671875" bestFit="1" customWidth="1"/>
    <col min="6405" max="6657" width="9.109375" customWidth="1"/>
    <col min="6658" max="6658" width="30.33203125" customWidth="1"/>
    <col min="6659" max="6659" width="47.44140625" customWidth="1"/>
    <col min="6660" max="6660" width="35.88671875" bestFit="1" customWidth="1"/>
    <col min="6661" max="6913" width="9.109375" customWidth="1"/>
    <col min="6914" max="6914" width="30.33203125" customWidth="1"/>
    <col min="6915" max="6915" width="47.44140625" customWidth="1"/>
    <col min="6916" max="6916" width="35.88671875" bestFit="1" customWidth="1"/>
    <col min="6917" max="7169" width="9.109375" customWidth="1"/>
    <col min="7170" max="7170" width="30.33203125" customWidth="1"/>
    <col min="7171" max="7171" width="47.44140625" customWidth="1"/>
    <col min="7172" max="7172" width="35.88671875" bestFit="1" customWidth="1"/>
    <col min="7173" max="7425" width="9.109375" customWidth="1"/>
    <col min="7426" max="7426" width="30.33203125" customWidth="1"/>
    <col min="7427" max="7427" width="47.44140625" customWidth="1"/>
    <col min="7428" max="7428" width="35.88671875" bestFit="1" customWidth="1"/>
    <col min="7429" max="7681" width="9.109375" customWidth="1"/>
    <col min="7682" max="7682" width="30.33203125" customWidth="1"/>
    <col min="7683" max="7683" width="47.44140625" customWidth="1"/>
    <col min="7684" max="7684" width="35.88671875" bestFit="1" customWidth="1"/>
    <col min="7685" max="7937" width="9.109375" customWidth="1"/>
    <col min="7938" max="7938" width="30.33203125" customWidth="1"/>
    <col min="7939" max="7939" width="47.44140625" customWidth="1"/>
    <col min="7940" max="7940" width="35.88671875" bestFit="1" customWidth="1"/>
    <col min="7941" max="8193" width="9.109375" customWidth="1"/>
    <col min="8194" max="8194" width="30.33203125" customWidth="1"/>
    <col min="8195" max="8195" width="47.44140625" customWidth="1"/>
    <col min="8196" max="8196" width="35.88671875" bestFit="1" customWidth="1"/>
    <col min="8197" max="8449" width="9.109375" customWidth="1"/>
    <col min="8450" max="8450" width="30.33203125" customWidth="1"/>
    <col min="8451" max="8451" width="47.44140625" customWidth="1"/>
    <col min="8452" max="8452" width="35.88671875" bestFit="1" customWidth="1"/>
    <col min="8453" max="8705" width="9.109375" customWidth="1"/>
    <col min="8706" max="8706" width="30.33203125" customWidth="1"/>
    <col min="8707" max="8707" width="47.44140625" customWidth="1"/>
    <col min="8708" max="8708" width="35.88671875" bestFit="1" customWidth="1"/>
    <col min="8709" max="8961" width="9.109375" customWidth="1"/>
    <col min="8962" max="8962" width="30.33203125" customWidth="1"/>
    <col min="8963" max="8963" width="47.44140625" customWidth="1"/>
    <col min="8964" max="8964" width="35.88671875" bestFit="1" customWidth="1"/>
    <col min="8965" max="9217" width="9.109375" customWidth="1"/>
    <col min="9218" max="9218" width="30.33203125" customWidth="1"/>
    <col min="9219" max="9219" width="47.44140625" customWidth="1"/>
    <col min="9220" max="9220" width="35.88671875" bestFit="1" customWidth="1"/>
    <col min="9221" max="9473" width="9.109375" customWidth="1"/>
    <col min="9474" max="9474" width="30.33203125" customWidth="1"/>
    <col min="9475" max="9475" width="47.44140625" customWidth="1"/>
    <col min="9476" max="9476" width="35.88671875" bestFit="1" customWidth="1"/>
    <col min="9477" max="9729" width="9.109375" customWidth="1"/>
    <col min="9730" max="9730" width="30.33203125" customWidth="1"/>
    <col min="9731" max="9731" width="47.44140625" customWidth="1"/>
    <col min="9732" max="9732" width="35.88671875" bestFit="1" customWidth="1"/>
    <col min="9733" max="9985" width="9.109375" customWidth="1"/>
    <col min="9986" max="9986" width="30.33203125" customWidth="1"/>
    <col min="9987" max="9987" width="47.44140625" customWidth="1"/>
    <col min="9988" max="9988" width="35.88671875" bestFit="1" customWidth="1"/>
    <col min="9989" max="10241" width="9.109375" customWidth="1"/>
    <col min="10242" max="10242" width="30.33203125" customWidth="1"/>
    <col min="10243" max="10243" width="47.44140625" customWidth="1"/>
    <col min="10244" max="10244" width="35.88671875" bestFit="1" customWidth="1"/>
    <col min="10245" max="10497" width="9.109375" customWidth="1"/>
    <col min="10498" max="10498" width="30.33203125" customWidth="1"/>
    <col min="10499" max="10499" width="47.44140625" customWidth="1"/>
    <col min="10500" max="10500" width="35.88671875" bestFit="1" customWidth="1"/>
    <col min="10501" max="10753" width="9.109375" customWidth="1"/>
    <col min="10754" max="10754" width="30.33203125" customWidth="1"/>
    <col min="10755" max="10755" width="47.44140625" customWidth="1"/>
    <col min="10756" max="10756" width="35.88671875" bestFit="1" customWidth="1"/>
    <col min="10757" max="11009" width="9.109375" customWidth="1"/>
    <col min="11010" max="11010" width="30.33203125" customWidth="1"/>
    <col min="11011" max="11011" width="47.44140625" customWidth="1"/>
    <col min="11012" max="11012" width="35.88671875" bestFit="1" customWidth="1"/>
    <col min="11013" max="11265" width="9.109375" customWidth="1"/>
    <col min="11266" max="11266" width="30.33203125" customWidth="1"/>
    <col min="11267" max="11267" width="47.44140625" customWidth="1"/>
    <col min="11268" max="11268" width="35.88671875" bestFit="1" customWidth="1"/>
    <col min="11269" max="11521" width="9.109375" customWidth="1"/>
    <col min="11522" max="11522" width="30.33203125" customWidth="1"/>
    <col min="11523" max="11523" width="47.44140625" customWidth="1"/>
    <col min="11524" max="11524" width="35.88671875" bestFit="1" customWidth="1"/>
    <col min="11525" max="11777" width="9.109375" customWidth="1"/>
    <col min="11778" max="11778" width="30.33203125" customWidth="1"/>
    <col min="11779" max="11779" width="47.44140625" customWidth="1"/>
    <col min="11780" max="11780" width="35.88671875" bestFit="1" customWidth="1"/>
    <col min="11781" max="12033" width="9.109375" customWidth="1"/>
    <col min="12034" max="12034" width="30.33203125" customWidth="1"/>
    <col min="12035" max="12035" width="47.44140625" customWidth="1"/>
    <col min="12036" max="12036" width="35.88671875" bestFit="1" customWidth="1"/>
    <col min="12037" max="12289" width="9.109375" customWidth="1"/>
    <col min="12290" max="12290" width="30.33203125" customWidth="1"/>
    <col min="12291" max="12291" width="47.44140625" customWidth="1"/>
    <col min="12292" max="12292" width="35.88671875" bestFit="1" customWidth="1"/>
    <col min="12293" max="12545" width="9.109375" customWidth="1"/>
    <col min="12546" max="12546" width="30.33203125" customWidth="1"/>
    <col min="12547" max="12547" width="47.44140625" customWidth="1"/>
    <col min="12548" max="12548" width="35.88671875" bestFit="1" customWidth="1"/>
    <col min="12549" max="12801" width="9.109375" customWidth="1"/>
    <col min="12802" max="12802" width="30.33203125" customWidth="1"/>
    <col min="12803" max="12803" width="47.44140625" customWidth="1"/>
    <col min="12804" max="12804" width="35.88671875" bestFit="1" customWidth="1"/>
    <col min="12805" max="13057" width="9.109375" customWidth="1"/>
    <col min="13058" max="13058" width="30.33203125" customWidth="1"/>
    <col min="13059" max="13059" width="47.44140625" customWidth="1"/>
    <col min="13060" max="13060" width="35.88671875" bestFit="1" customWidth="1"/>
    <col min="13061" max="13313" width="9.109375" customWidth="1"/>
    <col min="13314" max="13314" width="30.33203125" customWidth="1"/>
    <col min="13315" max="13315" width="47.44140625" customWidth="1"/>
    <col min="13316" max="13316" width="35.88671875" bestFit="1" customWidth="1"/>
    <col min="13317" max="13569" width="9.109375" customWidth="1"/>
    <col min="13570" max="13570" width="30.33203125" customWidth="1"/>
    <col min="13571" max="13571" width="47.44140625" customWidth="1"/>
    <col min="13572" max="13572" width="35.88671875" bestFit="1" customWidth="1"/>
    <col min="13573" max="13825" width="9.109375" customWidth="1"/>
    <col min="13826" max="13826" width="30.33203125" customWidth="1"/>
    <col min="13827" max="13827" width="47.44140625" customWidth="1"/>
    <col min="13828" max="13828" width="35.88671875" bestFit="1" customWidth="1"/>
    <col min="13829" max="14081" width="9.109375" customWidth="1"/>
    <col min="14082" max="14082" width="30.33203125" customWidth="1"/>
    <col min="14083" max="14083" width="47.44140625" customWidth="1"/>
    <col min="14084" max="14084" width="35.88671875" bestFit="1" customWidth="1"/>
    <col min="14085" max="14337" width="9.109375" customWidth="1"/>
    <col min="14338" max="14338" width="30.33203125" customWidth="1"/>
    <col min="14339" max="14339" width="47.44140625" customWidth="1"/>
    <col min="14340" max="14340" width="35.88671875" bestFit="1" customWidth="1"/>
    <col min="14341" max="14593" width="9.109375" customWidth="1"/>
    <col min="14594" max="14594" width="30.33203125" customWidth="1"/>
    <col min="14595" max="14595" width="47.44140625" customWidth="1"/>
    <col min="14596" max="14596" width="35.88671875" bestFit="1" customWidth="1"/>
    <col min="14597" max="14849" width="9.109375" customWidth="1"/>
    <col min="14850" max="14850" width="30.33203125" customWidth="1"/>
    <col min="14851" max="14851" width="47.44140625" customWidth="1"/>
    <col min="14852" max="14852" width="35.88671875" bestFit="1" customWidth="1"/>
    <col min="14853" max="15105" width="9.109375" customWidth="1"/>
    <col min="15106" max="15106" width="30.33203125" customWidth="1"/>
    <col min="15107" max="15107" width="47.44140625" customWidth="1"/>
    <col min="15108" max="15108" width="35.88671875" bestFit="1" customWidth="1"/>
    <col min="15109" max="15361" width="9.109375" customWidth="1"/>
    <col min="15362" max="15362" width="30.33203125" customWidth="1"/>
    <col min="15363" max="15363" width="47.44140625" customWidth="1"/>
    <col min="15364" max="15364" width="35.88671875" bestFit="1" customWidth="1"/>
    <col min="15365" max="15617" width="9.109375" customWidth="1"/>
    <col min="15618" max="15618" width="30.33203125" customWidth="1"/>
    <col min="15619" max="15619" width="47.44140625" customWidth="1"/>
    <col min="15620" max="15620" width="35.88671875" bestFit="1" customWidth="1"/>
    <col min="15621" max="15873" width="9.109375" customWidth="1"/>
    <col min="15874" max="15874" width="30.33203125" customWidth="1"/>
    <col min="15875" max="15875" width="47.44140625" customWidth="1"/>
    <col min="15876" max="15876" width="35.88671875" bestFit="1" customWidth="1"/>
    <col min="15877" max="16129" width="9.109375" customWidth="1"/>
    <col min="16130" max="16130" width="30.33203125" customWidth="1"/>
    <col min="16131" max="16131" width="47.44140625" customWidth="1"/>
    <col min="16132" max="16132" width="35.88671875" bestFit="1" customWidth="1"/>
  </cols>
  <sheetData>
    <row r="1" spans="1:4" ht="19.05" customHeight="1" x14ac:dyDescent="0.3">
      <c r="A1" s="20" t="s">
        <v>0</v>
      </c>
      <c r="B1" s="20" t="s">
        <v>41</v>
      </c>
      <c r="C1" s="21" t="s">
        <v>42</v>
      </c>
      <c r="D1" s="20" t="s">
        <v>43</v>
      </c>
    </row>
    <row r="2" spans="1:4" ht="16.5" customHeight="1" x14ac:dyDescent="0.3">
      <c r="A2" s="4">
        <v>1</v>
      </c>
      <c r="B2" s="5" t="s">
        <v>44</v>
      </c>
      <c r="C2" s="5" t="s">
        <v>45</v>
      </c>
      <c r="D2" s="6" t="s">
        <v>46</v>
      </c>
    </row>
    <row r="3" spans="1:4" ht="16.5" customHeight="1" x14ac:dyDescent="0.3">
      <c r="A3" s="4">
        <v>2</v>
      </c>
      <c r="B3" s="5" t="s">
        <v>2</v>
      </c>
      <c r="C3" s="5" t="s">
        <v>47</v>
      </c>
      <c r="D3" s="6" t="s">
        <v>46</v>
      </c>
    </row>
    <row r="4" spans="1:4" ht="33" customHeight="1" x14ac:dyDescent="0.3">
      <c r="A4" s="4">
        <v>3</v>
      </c>
      <c r="B4" s="5" t="s">
        <v>3</v>
      </c>
      <c r="C4" s="6" t="s">
        <v>48</v>
      </c>
      <c r="D4" s="6" t="s">
        <v>46</v>
      </c>
    </row>
    <row r="5" spans="1:4" ht="33" customHeight="1" x14ac:dyDescent="0.3">
      <c r="A5" s="4">
        <v>4</v>
      </c>
      <c r="B5" s="5" t="s">
        <v>4</v>
      </c>
      <c r="C5" s="7" t="s">
        <v>49</v>
      </c>
      <c r="D5" s="6" t="s">
        <v>46</v>
      </c>
    </row>
    <row r="6" spans="1:4" ht="16.5" customHeight="1" x14ac:dyDescent="0.3">
      <c r="A6" s="4">
        <v>5</v>
      </c>
      <c r="B6" s="5" t="s">
        <v>5</v>
      </c>
      <c r="C6" s="8" t="s">
        <v>50</v>
      </c>
      <c r="D6" s="6" t="s">
        <v>46</v>
      </c>
    </row>
    <row r="7" spans="1:4" s="15" customFormat="1" ht="33" customHeight="1" x14ac:dyDescent="0.3">
      <c r="A7" s="4">
        <v>6</v>
      </c>
      <c r="B7" s="16" t="s">
        <v>51</v>
      </c>
      <c r="C7" s="7" t="s">
        <v>52</v>
      </c>
      <c r="D7" s="17" t="s">
        <v>46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Sheet1</vt:lpstr>
      <vt:lpstr>DM_Khoi</vt:lpstr>
      <vt:lpstr>DM_MonHoc</vt:lpstr>
      <vt:lpstr>Huong_Dan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COne</dc:creator>
  <cp:lastModifiedBy>s330</cp:lastModifiedBy>
  <dcterms:created xsi:type="dcterms:W3CDTF">2020-09-30T02:08:18Z</dcterms:created>
  <dcterms:modified xsi:type="dcterms:W3CDTF">2023-08-30T03:24:39Z</dcterms:modified>
</cp:coreProperties>
</file>